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14390" yWindow="-10" windowWidth="14440" windowHeight="12770"/>
  </bookViews>
  <sheets>
    <sheet name="医療型障害児入所" sheetId="24" r:id="rId1"/>
  </sheets>
  <definedNames>
    <definedName name="_xlnm.Print_Area" localSheetId="0">医療型障害児入所!$A$1:$J$197</definedName>
  </definedNames>
  <calcPr calcId="152511"/>
</workbook>
</file>

<file path=xl/sharedStrings.xml><?xml version="1.0" encoding="utf-8"?>
<sst xmlns="http://schemas.openxmlformats.org/spreadsheetml/2006/main" count="308" uniqueCount="143">
  <si>
    <t>なし</t>
    <phoneticPr fontId="2"/>
  </si>
  <si>
    <t>あり</t>
    <phoneticPr fontId="2"/>
  </si>
  <si>
    <t>）</t>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人</t>
  </si>
  <si>
    <t>★　次の資料を添付してください。</t>
  </si>
  <si>
    <t>契約書（様式）</t>
  </si>
  <si>
    <t>重要事項説明書（様式）</t>
  </si>
  <si>
    <t>運営規程</t>
  </si>
  <si>
    <t>職員の一覧表</t>
  </si>
  <si>
    <t>パンフレット等</t>
  </si>
  <si>
    <t>３　施設の名称</t>
    <rPh sb="2" eb="4">
      <t>シセツ</t>
    </rPh>
    <rPh sb="5" eb="7">
      <t>メイショウ</t>
    </rPh>
    <phoneticPr fontId="2"/>
  </si>
  <si>
    <t>４　施設の住所、連絡先</t>
    <rPh sb="2" eb="4">
      <t>シセツ</t>
    </rPh>
    <rPh sb="5" eb="7">
      <t>ジュウショ</t>
    </rPh>
    <rPh sb="8" eb="11">
      <t>レンラクサキ</t>
    </rPh>
    <phoneticPr fontId="2"/>
  </si>
  <si>
    <t>〒</t>
    <phoneticPr fontId="2"/>
  </si>
  <si>
    <t>ＴＥＬ</t>
    <phoneticPr fontId="2"/>
  </si>
  <si>
    <t>ＦＡＸ</t>
    <phoneticPr fontId="2"/>
  </si>
  <si>
    <t>なし</t>
  </si>
  <si>
    <t>名称</t>
    <rPh sb="0" eb="2">
      <t>メイショウ</t>
    </rPh>
    <phoneticPr fontId="2"/>
  </si>
  <si>
    <t>診療科名</t>
    <rPh sb="0" eb="2">
      <t>シンリョウ</t>
    </rPh>
    <rPh sb="2" eb="3">
      <t>カ</t>
    </rPh>
    <rPh sb="3" eb="4">
      <t>ナ</t>
    </rPh>
    <phoneticPr fontId="2"/>
  </si>
  <si>
    <t>指定障害児入所施設　実地指導提出資料</t>
    <rPh sb="0" eb="2">
      <t>シテイ</t>
    </rPh>
    <rPh sb="2" eb="4">
      <t>ショウガイ</t>
    </rPh>
    <rPh sb="4" eb="5">
      <t>ジ</t>
    </rPh>
    <rPh sb="5" eb="7">
      <t>ニュウショ</t>
    </rPh>
    <rPh sb="10" eb="12">
      <t>ジッチ</t>
    </rPh>
    <rPh sb="12" eb="14">
      <t>シドウ</t>
    </rPh>
    <rPh sb="14" eb="16">
      <t>テイシュツ</t>
    </rPh>
    <rPh sb="16" eb="18">
      <t>シリョウ</t>
    </rPh>
    <phoneticPr fontId="2"/>
  </si>
  <si>
    <t>【医療型障害児入所施設】</t>
    <rPh sb="1" eb="4">
      <t>イリョウガタ</t>
    </rPh>
    <rPh sb="4" eb="6">
      <t>ショウガイ</t>
    </rPh>
    <rPh sb="6" eb="7">
      <t>ジ</t>
    </rPh>
    <rPh sb="7" eb="9">
      <t>ニュウショ</t>
    </rPh>
    <rPh sb="9" eb="11">
      <t>シセツ</t>
    </rPh>
    <phoneticPr fontId="2"/>
  </si>
  <si>
    <t>人</t>
    <rPh sb="0" eb="1">
      <t>ヒト</t>
    </rPh>
    <phoneticPr fontId="2"/>
  </si>
  <si>
    <t>内訳</t>
    <rPh sb="0" eb="2">
      <t>ウチワケ</t>
    </rPh>
    <phoneticPr fontId="2"/>
  </si>
  <si>
    <t>人（常勤</t>
    <rPh sb="0" eb="1">
      <t>ヒト</t>
    </rPh>
    <rPh sb="2" eb="4">
      <t>ジョウキン</t>
    </rPh>
    <phoneticPr fontId="2"/>
  </si>
  <si>
    <t xml:space="preserve">      人</t>
    <rPh sb="6" eb="7">
      <t>ヒト</t>
    </rPh>
    <phoneticPr fontId="2"/>
  </si>
  <si>
    <t>非常勤</t>
    <rPh sb="0" eb="3">
      <t>ヒジョウキン</t>
    </rPh>
    <phoneticPr fontId="2"/>
  </si>
  <si>
    <t>理学療法士</t>
    <rPh sb="0" eb="2">
      <t>リガク</t>
    </rPh>
    <rPh sb="2" eb="5">
      <t>リョウホウシ</t>
    </rPh>
    <phoneticPr fontId="2"/>
  </si>
  <si>
    <t>作業療法士</t>
    <rPh sb="0" eb="2">
      <t>サギョウ</t>
    </rPh>
    <rPh sb="2" eb="5">
      <t>リョウホウシ</t>
    </rPh>
    <phoneticPr fontId="2"/>
  </si>
  <si>
    <t>児童指導員</t>
    <rPh sb="0" eb="2">
      <t>ジドウ</t>
    </rPh>
    <rPh sb="2" eb="5">
      <t>シドウイン</t>
    </rPh>
    <phoneticPr fontId="2"/>
  </si>
  <si>
    <t>保育士</t>
    <rPh sb="0" eb="2">
      <t>ホイク</t>
    </rPh>
    <rPh sb="2" eb="3">
      <t>シ</t>
    </rPh>
    <phoneticPr fontId="2"/>
  </si>
  <si>
    <t xml:space="preserve">    がありますか。</t>
    <phoneticPr fontId="2"/>
  </si>
  <si>
    <t>入所支援計画（氏名等個人を特定するものは消してください。）</t>
    <rPh sb="0" eb="2">
      <t>ニュウショ</t>
    </rPh>
    <rPh sb="2" eb="4">
      <t>シエン</t>
    </rPh>
    <phoneticPr fontId="2"/>
  </si>
  <si>
    <t>あり（　Ⅰ・Ⅱ　）</t>
    <phoneticPr fontId="2"/>
  </si>
  <si>
    <t>　(1) 地方公共団体が設置する指定医療型障害児入</t>
    <rPh sb="5" eb="7">
      <t>チホウ</t>
    </rPh>
    <rPh sb="7" eb="9">
      <t>コウキョウ</t>
    </rPh>
    <rPh sb="9" eb="11">
      <t>ダンタイ</t>
    </rPh>
    <rPh sb="12" eb="14">
      <t>セッチ</t>
    </rPh>
    <rPh sb="16" eb="18">
      <t>シテイ</t>
    </rPh>
    <rPh sb="18" eb="20">
      <t>イリョウ</t>
    </rPh>
    <rPh sb="20" eb="21">
      <t>ガタ</t>
    </rPh>
    <rPh sb="21" eb="24">
      <t>ショウガイジ</t>
    </rPh>
    <rPh sb="24" eb="25">
      <t>ニュウ</t>
    </rPh>
    <phoneticPr fontId="2"/>
  </si>
  <si>
    <t>　　所施設による減算</t>
    <rPh sb="3" eb="5">
      <t>シセツ</t>
    </rPh>
    <phoneticPr fontId="2"/>
  </si>
  <si>
    <t>　(3) 入所支援計画が作成されていない場合による</t>
    <rPh sb="5" eb="7">
      <t>ニュウショ</t>
    </rPh>
    <rPh sb="7" eb="9">
      <t>シエン</t>
    </rPh>
    <rPh sb="9" eb="11">
      <t>ケイカク</t>
    </rPh>
    <rPh sb="12" eb="14">
      <t>サクセイ</t>
    </rPh>
    <rPh sb="20" eb="22">
      <t>バアイ</t>
    </rPh>
    <phoneticPr fontId="2"/>
  </si>
  <si>
    <t>　　減算</t>
    <phoneticPr fontId="2"/>
  </si>
  <si>
    <t>　記載してください。</t>
    <phoneticPr fontId="2"/>
  </si>
  <si>
    <t>　年　月　日</t>
    <rPh sb="1" eb="2">
      <t>ネン</t>
    </rPh>
    <rPh sb="3" eb="4">
      <t>ガツ</t>
    </rPh>
    <rPh sb="5" eb="6">
      <t>ニチ</t>
    </rPh>
    <phoneticPr fontId="2"/>
  </si>
  <si>
    <t xml:space="preserve">      人</t>
    <rPh sb="6" eb="7">
      <t>ニン</t>
    </rPh>
    <phoneticPr fontId="2"/>
  </si>
  <si>
    <t>　ださい。</t>
    <phoneticPr fontId="2"/>
  </si>
  <si>
    <t>　年　月</t>
    <rPh sb="1" eb="2">
      <t>トシ</t>
    </rPh>
    <rPh sb="3" eb="4">
      <t>ツキ</t>
    </rPh>
    <phoneticPr fontId="2"/>
  </si>
  <si>
    <t>人</t>
    <rPh sb="0" eb="1">
      <t>ニン</t>
    </rPh>
    <phoneticPr fontId="2"/>
  </si>
  <si>
    <t>日</t>
    <rPh sb="0" eb="1">
      <t>ニチ</t>
    </rPh>
    <phoneticPr fontId="2"/>
  </si>
  <si>
    <t>㎡</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はい</t>
  </si>
  <si>
    <t>いいえ</t>
  </si>
  <si>
    <t>施設・設備</t>
    <rPh sb="0" eb="2">
      <t>シセツ</t>
    </rPh>
    <rPh sb="3" eb="5">
      <t>セツビ</t>
    </rPh>
    <phoneticPr fontId="3"/>
  </si>
  <si>
    <t>設置義務</t>
    <rPh sb="0" eb="2">
      <t>セッチ</t>
    </rPh>
    <rPh sb="2" eb="4">
      <t>ギム</t>
    </rPh>
    <phoneticPr fontId="2"/>
  </si>
  <si>
    <t>現状</t>
    <rPh sb="0" eb="2">
      <t>ゲンジョウ</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　(1) 利用児童と従業者を合算した人数が30人以上ですか。</t>
    <rPh sb="7" eb="9">
      <t>ジドウ</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アセスメント票（様式）</t>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　　責任者の氏名</t>
    <rPh sb="2" eb="5">
      <t>セキニンシャ</t>
    </rPh>
    <rPh sb="6" eb="8">
      <t>シメイ</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医療型障害児入所施設】（運営編）</t>
    <rPh sb="1" eb="3">
      <t>イリョウ</t>
    </rPh>
    <rPh sb="3" eb="4">
      <t>ガタ</t>
    </rPh>
    <rPh sb="4" eb="7">
      <t>ショウガイジ</t>
    </rPh>
    <rPh sb="7" eb="9">
      <t>ニュウショ</t>
    </rPh>
    <rPh sb="9" eb="11">
      <t>シセツ</t>
    </rPh>
    <rPh sb="13" eb="15">
      <t>ウンエイ</t>
    </rPh>
    <rPh sb="15" eb="16">
      <t>ヘン</t>
    </rPh>
    <phoneticPr fontId="2"/>
  </si>
  <si>
    <t>心理指導担当職員</t>
    <rPh sb="0" eb="2">
      <t>シンリ</t>
    </rPh>
    <rPh sb="2" eb="4">
      <t>シドウ</t>
    </rPh>
    <rPh sb="4" eb="6">
      <t>タントウ</t>
    </rPh>
    <rPh sb="6" eb="8">
      <t>ショクイン</t>
    </rPh>
    <phoneticPr fontId="2"/>
  </si>
  <si>
    <t>【医療型障害児入所施設】（報酬編）</t>
    <rPh sb="1" eb="3">
      <t>イリョウ</t>
    </rPh>
    <rPh sb="3" eb="4">
      <t>ガタ</t>
    </rPh>
    <rPh sb="4" eb="7">
      <t>ショウガイジ</t>
    </rPh>
    <rPh sb="7" eb="9">
      <t>ニュウショ</t>
    </rPh>
    <rPh sb="9" eb="11">
      <t>シセツ</t>
    </rPh>
    <rPh sb="13" eb="15">
      <t>ホウシュウ</t>
    </rPh>
    <rPh sb="15" eb="16">
      <t>ヘン</t>
    </rPh>
    <phoneticPr fontId="2"/>
  </si>
  <si>
    <t>（       年   月   日記載）</t>
    <rPh sb="8" eb="9">
      <t>ネン</t>
    </rPh>
    <rPh sb="12" eb="13">
      <t>ガツ</t>
    </rPh>
    <rPh sb="16" eb="17">
      <t>ニチ</t>
    </rPh>
    <rPh sb="17" eb="19">
      <t>キサイ</t>
    </rPh>
    <phoneticPr fontId="2"/>
  </si>
  <si>
    <t>今年度指定障害福祉サービス事業者等自己点検シート</t>
    <rPh sb="0" eb="1">
      <t>コン</t>
    </rPh>
    <phoneticPr fontId="2"/>
  </si>
  <si>
    <t>　(1) 重度障害児支援加算</t>
    <rPh sb="10" eb="12">
      <t>シエン</t>
    </rPh>
    <phoneticPr fontId="2"/>
  </si>
  <si>
    <t>　(2) 重度重複障害児加算</t>
    <phoneticPr fontId="2"/>
  </si>
  <si>
    <t>職業指導員</t>
    <rPh sb="0" eb="2">
      <t>ショクギョウ</t>
    </rPh>
    <rPh sb="2" eb="5">
      <t>シドウイン</t>
    </rPh>
    <phoneticPr fontId="2"/>
  </si>
  <si>
    <t>看護職員</t>
    <rPh sb="0" eb="2">
      <t>カンゴ</t>
    </rPh>
    <rPh sb="2" eb="4">
      <t>ショクイン</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児童発達支援管理</t>
    <rPh sb="2" eb="4">
      <t>ジドウ</t>
    </rPh>
    <rPh sb="4" eb="6">
      <t>ハッタツ</t>
    </rPh>
    <rPh sb="6" eb="8">
      <t>シエン</t>
    </rPh>
    <rPh sb="8" eb="10">
      <t>カンリ</t>
    </rPh>
    <phoneticPr fontId="2"/>
  </si>
  <si>
    <t>８　従業者の員数</t>
    <phoneticPr fontId="2"/>
  </si>
  <si>
    <t>９　定　員</t>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3　実地指導前月までの過去12ヶ月における各月の最も利用児童数の多い日及び利用者数を</t>
    <rPh sb="29" eb="31">
      <t>ジドウ</t>
    </rPh>
    <rPh sb="36" eb="37">
      <t>オヨ</t>
    </rPh>
    <phoneticPr fontId="2"/>
  </si>
  <si>
    <t>14　実地指導前月までの過去12ヶ月における月別延べ利用児童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あり</t>
    <phoneticPr fontId="2"/>
  </si>
  <si>
    <t>なし</t>
    <phoneticPr fontId="2"/>
  </si>
  <si>
    <t>　してください。</t>
    <phoneticPr fontId="2"/>
  </si>
  <si>
    <t>あり(Ⅰ・Ⅱ)</t>
    <phoneticPr fontId="2"/>
  </si>
  <si>
    <t>なし</t>
    <phoneticPr fontId="2"/>
  </si>
  <si>
    <t>　(3) 強度行動障害児特別支援加算</t>
    <rPh sb="5" eb="7">
      <t>キョウド</t>
    </rPh>
    <rPh sb="7" eb="9">
      <t>コウドウ</t>
    </rPh>
    <rPh sb="9" eb="11">
      <t>ショウガイ</t>
    </rPh>
    <rPh sb="11" eb="12">
      <t>ジ</t>
    </rPh>
    <rPh sb="12" eb="14">
      <t>トクベツ</t>
    </rPh>
    <rPh sb="14" eb="16">
      <t>シエン</t>
    </rPh>
    <rPh sb="16" eb="18">
      <t>カサン</t>
    </rPh>
    <phoneticPr fontId="2"/>
  </si>
  <si>
    <t>　(4) 身体拘束廃止未実施減算</t>
    <phoneticPr fontId="2"/>
  </si>
  <si>
    <t>　(4) 乳幼児加算</t>
    <rPh sb="5" eb="8">
      <t>ニュウヨウジ</t>
    </rPh>
    <rPh sb="8" eb="10">
      <t>カサン</t>
    </rPh>
    <phoneticPr fontId="2"/>
  </si>
  <si>
    <t>　(5) 心理担当職員配置加算</t>
    <rPh sb="5" eb="7">
      <t>シンリ</t>
    </rPh>
    <rPh sb="7" eb="9">
      <t>タントウ</t>
    </rPh>
    <rPh sb="9" eb="11">
      <t>ショクイン</t>
    </rPh>
    <rPh sb="11" eb="13">
      <t>ハイチ</t>
    </rPh>
    <rPh sb="13" eb="15">
      <t>カサン</t>
    </rPh>
    <phoneticPr fontId="2"/>
  </si>
  <si>
    <t>　(6) 公認心理師配置加算</t>
    <rPh sb="5" eb="10">
      <t>コウニンシンリシ</t>
    </rPh>
    <rPh sb="10" eb="12">
      <t>ハイチ</t>
    </rPh>
    <rPh sb="12" eb="14">
      <t>カサン</t>
    </rPh>
    <phoneticPr fontId="2"/>
  </si>
  <si>
    <t>　(7) ソーシャルワーカー配置加算</t>
    <rPh sb="14" eb="16">
      <t>ハイチ</t>
    </rPh>
    <rPh sb="16" eb="18">
      <t>カサン</t>
    </rPh>
    <phoneticPr fontId="2"/>
  </si>
  <si>
    <t>　(8) 自活訓練加算</t>
    <rPh sb="5" eb="7">
      <t>ジカツ</t>
    </rPh>
    <rPh sb="7" eb="9">
      <t>クンレン</t>
    </rPh>
    <rPh sb="9" eb="11">
      <t>カサン</t>
    </rPh>
    <phoneticPr fontId="2"/>
  </si>
  <si>
    <t>　(9) 福祉専門職員配置等加算</t>
    <rPh sb="5" eb="7">
      <t>フクシ</t>
    </rPh>
    <rPh sb="7" eb="9">
      <t>センモン</t>
    </rPh>
    <rPh sb="9" eb="11">
      <t>ショクイン</t>
    </rPh>
    <rPh sb="11" eb="13">
      <t>ハイチ</t>
    </rPh>
    <rPh sb="13" eb="14">
      <t>ナド</t>
    </rPh>
    <rPh sb="14" eb="16">
      <t>カサン</t>
    </rPh>
    <phoneticPr fontId="2"/>
  </si>
  <si>
    <t>　(10) 保育職員加配加算</t>
    <rPh sb="6" eb="8">
      <t>ホイク</t>
    </rPh>
    <rPh sb="8" eb="10">
      <t>ショクイン</t>
    </rPh>
    <rPh sb="10" eb="12">
      <t>カハイ</t>
    </rPh>
    <rPh sb="12" eb="14">
      <t>カサン</t>
    </rPh>
    <phoneticPr fontId="2"/>
  </si>
  <si>
    <t>　(11) 地域移行加算</t>
    <rPh sb="6" eb="8">
      <t>チイキ</t>
    </rPh>
    <rPh sb="8" eb="10">
      <t>イコウ</t>
    </rPh>
    <rPh sb="10" eb="12">
      <t>カサン</t>
    </rPh>
    <phoneticPr fontId="2"/>
  </si>
  <si>
    <t>　(12) 小規模グループケア加算</t>
    <rPh sb="6" eb="9">
      <t>ショウキボ</t>
    </rPh>
    <rPh sb="15" eb="17">
      <t>カサン</t>
    </rPh>
    <phoneticPr fontId="2"/>
  </si>
  <si>
    <t>　(13) 福祉・介護職員処遇改善加算</t>
    <rPh sb="6" eb="8">
      <t>フクシ</t>
    </rPh>
    <rPh sb="9" eb="11">
      <t>カイゴ</t>
    </rPh>
    <rPh sb="11" eb="13">
      <t>ショクイン</t>
    </rPh>
    <rPh sb="13" eb="15">
      <t>ショグウ</t>
    </rPh>
    <rPh sb="15" eb="17">
      <t>カイゼン</t>
    </rPh>
    <rPh sb="17" eb="19">
      <t>カサン</t>
    </rPh>
    <phoneticPr fontId="2"/>
  </si>
  <si>
    <t>　(15) 福祉・介護職員等ベースアップ等支援加算</t>
    <rPh sb="6" eb="8">
      <t>フクシ</t>
    </rPh>
    <rPh sb="9" eb="11">
      <t>カイゴ</t>
    </rPh>
    <rPh sb="11" eb="13">
      <t>ショクイン</t>
    </rPh>
    <rPh sb="13" eb="14">
      <t>トウ</t>
    </rPh>
    <rPh sb="20" eb="23">
      <t>トウシエン</t>
    </rPh>
    <rPh sb="23" eb="25">
      <t>カ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あり(Ⅰ・Ⅱ・Ⅲ)</t>
    <phoneticPr fontId="2"/>
  </si>
  <si>
    <t>　(14)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6"/>
      <color theme="1"/>
      <name val="ＭＳ ゴシック"/>
      <family val="3"/>
      <charset val="128"/>
    </font>
    <font>
      <sz val="11"/>
      <color theme="1"/>
      <name val="ＭＳ Ｐ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12"/>
      <color theme="1"/>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3"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2"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8">
    <xf numFmtId="0" fontId="0" fillId="0" borderId="0" xfId="0" applyAlignment="1"/>
    <xf numFmtId="0" fontId="22" fillId="0" borderId="0" xfId="0" applyFont="1" applyFill="1" applyAlignment="1">
      <alignment horizontal="center" vertical="center"/>
    </xf>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6" fillId="0" borderId="0" xfId="0" applyFont="1" applyFill="1" applyAlignment="1">
      <alignment vertical="center"/>
    </xf>
    <xf numFmtId="0" fontId="26" fillId="0" borderId="0" xfId="0" applyFont="1" applyFill="1" applyAlignment="1">
      <alignment horizontal="right" vertical="center"/>
    </xf>
    <xf numFmtId="0" fontId="26" fillId="0" borderId="1" xfId="0" applyFont="1" applyFill="1" applyBorder="1" applyAlignment="1">
      <alignment vertical="center"/>
    </xf>
    <xf numFmtId="0" fontId="26" fillId="0" borderId="0" xfId="0" applyFont="1" applyFill="1" applyBorder="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49" fontId="26" fillId="0" borderId="0" xfId="0" applyNumberFormat="1" applyFont="1" applyFill="1" applyAlignment="1">
      <alignment vertical="center"/>
    </xf>
    <xf numFmtId="0" fontId="28" fillId="0" borderId="0" xfId="0" applyFont="1" applyFill="1" applyAlignment="1">
      <alignment vertical="center"/>
    </xf>
    <xf numFmtId="0" fontId="26" fillId="0" borderId="0" xfId="0" applyFont="1" applyFill="1" applyBorder="1" applyAlignment="1">
      <alignment vertical="center" shrinkToFit="1"/>
    </xf>
    <xf numFmtId="0" fontId="26" fillId="0" borderId="0" xfId="0" applyFont="1" applyFill="1" applyBorder="1" applyAlignment="1">
      <alignment horizontal="right" vertical="center" shrinkToFit="1"/>
    </xf>
    <xf numFmtId="0" fontId="26" fillId="0" borderId="0" xfId="0" applyFont="1" applyFill="1" applyBorder="1" applyAlignment="1">
      <alignment horizontal="right" vertical="center"/>
    </xf>
    <xf numFmtId="0" fontId="28" fillId="0" borderId="1" xfId="0" applyFont="1" applyFill="1" applyBorder="1" applyAlignment="1">
      <alignment vertical="center"/>
    </xf>
    <xf numFmtId="0" fontId="28" fillId="0" borderId="0" xfId="0" applyFont="1" applyFill="1" applyBorder="1" applyAlignment="1">
      <alignment vertical="center"/>
    </xf>
    <xf numFmtId="0" fontId="26" fillId="0" borderId="0" xfId="0" applyFont="1" applyFill="1" applyAlignment="1"/>
    <xf numFmtId="0" fontId="27" fillId="0" borderId="0" xfId="0" applyFont="1" applyFill="1" applyAlignment="1"/>
    <xf numFmtId="0" fontId="24" fillId="0" borderId="0" xfId="0" applyFont="1" applyFill="1" applyAlignment="1"/>
    <xf numFmtId="0" fontId="26" fillId="0" borderId="0" xfId="0" applyFont="1" applyFill="1" applyBorder="1" applyAlignment="1"/>
    <xf numFmtId="0" fontId="26" fillId="0" borderId="0" xfId="0" applyFont="1" applyFill="1" applyAlignment="1">
      <alignment horizontal="center" vertical="center"/>
    </xf>
    <xf numFmtId="0" fontId="26" fillId="0" borderId="0" xfId="0" applyFont="1" applyFill="1" applyAlignment="1">
      <alignment horizontal="center" vertical="center"/>
    </xf>
    <xf numFmtId="0" fontId="26" fillId="0" borderId="0" xfId="0" applyFont="1" applyFill="1" applyBorder="1" applyAlignment="1">
      <alignment horizontal="right"/>
    </xf>
    <xf numFmtId="0" fontId="26" fillId="0" borderId="0" xfId="0" applyFont="1" applyFill="1" applyAlignment="1">
      <alignment vertical="center"/>
    </xf>
    <xf numFmtId="0" fontId="26" fillId="0" borderId="0" xfId="41" applyFont="1" applyFill="1" applyAlignment="1">
      <alignment vertical="center"/>
    </xf>
    <xf numFmtId="0" fontId="26" fillId="0" borderId="0" xfId="41" applyFont="1" applyFill="1" applyBorder="1" applyAlignment="1">
      <alignment vertical="center"/>
    </xf>
    <xf numFmtId="0" fontId="26" fillId="0" borderId="0" xfId="41" applyFont="1" applyFill="1" applyAlignment="1">
      <alignment vertical="center"/>
    </xf>
    <xf numFmtId="0" fontId="26" fillId="0" borderId="0" xfId="0" applyFont="1" applyFill="1" applyBorder="1" applyAlignment="1">
      <alignment horizontal="center"/>
    </xf>
    <xf numFmtId="0" fontId="29" fillId="0" borderId="0" xfId="0" applyFont="1" applyFill="1" applyAlignment="1"/>
    <xf numFmtId="0" fontId="26" fillId="0" borderId="2" xfId="0" applyFont="1" applyFill="1" applyBorder="1" applyAlignment="1">
      <alignment vertical="center" shrinkToFit="1"/>
    </xf>
    <xf numFmtId="55" fontId="26" fillId="0" borderId="2" xfId="0" applyNumberFormat="1" applyFont="1" applyFill="1" applyBorder="1" applyAlignment="1">
      <alignment horizontal="center" vertical="center" shrinkToFit="1"/>
    </xf>
    <xf numFmtId="0" fontId="26" fillId="0" borderId="2" xfId="0" applyFont="1" applyFill="1" applyBorder="1" applyAlignment="1">
      <alignment horizontal="right" vertical="center"/>
    </xf>
    <xf numFmtId="49" fontId="26" fillId="0" borderId="0" xfId="0" applyNumberFormat="1" applyFont="1" applyFill="1" applyAlignment="1">
      <alignment horizontal="left" vertical="center"/>
    </xf>
    <xf numFmtId="0" fontId="26" fillId="0" borderId="3" xfId="0" applyFont="1" applyFill="1" applyBorder="1" applyAlignment="1">
      <alignment horizontal="center" vertical="center"/>
    </xf>
    <xf numFmtId="0" fontId="26" fillId="0" borderId="4" xfId="0" applyFont="1" applyFill="1" applyBorder="1" applyAlignment="1">
      <alignment horizontal="center" vertical="center"/>
    </xf>
    <xf numFmtId="0" fontId="26" fillId="0" borderId="5" xfId="0" applyFont="1" applyFill="1" applyBorder="1" applyAlignment="1">
      <alignment horizontal="center" vertical="center"/>
    </xf>
    <xf numFmtId="0" fontId="26" fillId="0" borderId="2" xfId="0" applyFont="1" applyFill="1" applyBorder="1" applyAlignment="1">
      <alignment horizontal="center" vertical="center" shrinkToFit="1"/>
    </xf>
    <xf numFmtId="0" fontId="26" fillId="0" borderId="6" xfId="0" applyFont="1" applyFill="1" applyBorder="1" applyAlignment="1">
      <alignment horizontal="center" vertical="center" textRotation="255" shrinkToFit="1"/>
    </xf>
    <xf numFmtId="0" fontId="26" fillId="0" borderId="3" xfId="0" applyFont="1" applyFill="1" applyBorder="1" applyAlignment="1">
      <alignment vertical="center"/>
    </xf>
    <xf numFmtId="0" fontId="26" fillId="0" borderId="4" xfId="0" applyFont="1" applyFill="1" applyBorder="1" applyAlignment="1">
      <alignment vertical="center"/>
    </xf>
    <xf numFmtId="0" fontId="26" fillId="0" borderId="5" xfId="0" applyFont="1" applyFill="1" applyBorder="1" applyAlignment="1">
      <alignment vertical="center"/>
    </xf>
    <xf numFmtId="0" fontId="26" fillId="0" borderId="2" xfId="0" applyFont="1" applyFill="1" applyBorder="1" applyAlignment="1">
      <alignment horizontal="center" vertical="center"/>
    </xf>
    <xf numFmtId="0" fontId="27" fillId="0" borderId="3" xfId="0" applyFont="1" applyFill="1" applyBorder="1" applyAlignment="1">
      <alignment vertical="center"/>
    </xf>
    <xf numFmtId="0" fontId="27" fillId="0" borderId="4" xfId="0" applyFont="1" applyFill="1" applyBorder="1" applyAlignment="1">
      <alignment vertical="center"/>
    </xf>
    <xf numFmtId="0" fontId="27" fillId="0" borderId="5" xfId="0" applyFont="1" applyFill="1" applyBorder="1" applyAlignment="1">
      <alignment vertical="center"/>
    </xf>
    <xf numFmtId="0" fontId="26" fillId="0" borderId="7" xfId="0" applyFont="1" applyFill="1" applyBorder="1" applyAlignment="1">
      <alignment horizontal="center" vertical="center" textRotation="255" shrinkToFit="1"/>
    </xf>
    <xf numFmtId="0" fontId="26" fillId="0" borderId="3" xfId="0" applyFont="1" applyFill="1" applyBorder="1" applyAlignment="1">
      <alignment horizontal="left" vertical="center" shrinkToFit="1"/>
    </xf>
    <xf numFmtId="0" fontId="26" fillId="0" borderId="4" xfId="0" applyFont="1" applyFill="1" applyBorder="1" applyAlignment="1">
      <alignment horizontal="left" vertical="center" shrinkToFit="1"/>
    </xf>
    <xf numFmtId="0" fontId="26" fillId="0" borderId="5" xfId="0" applyFont="1" applyFill="1" applyBorder="1" applyAlignment="1">
      <alignment horizontal="left" vertical="center" shrinkToFit="1"/>
    </xf>
    <xf numFmtId="0" fontId="26" fillId="0" borderId="8" xfId="0" applyFont="1" applyFill="1" applyBorder="1" applyAlignment="1">
      <alignment horizontal="center" vertical="center" textRotation="255" shrinkToFit="1"/>
    </xf>
    <xf numFmtId="0" fontId="26" fillId="0" borderId="6" xfId="0" applyFont="1" applyFill="1" applyBorder="1" applyAlignment="1">
      <alignment horizontal="center" vertical="center" textRotation="255"/>
    </xf>
    <xf numFmtId="0" fontId="26" fillId="0" borderId="3" xfId="0" applyFont="1" applyFill="1" applyBorder="1" applyAlignment="1">
      <alignment horizontal="left" vertical="center"/>
    </xf>
    <xf numFmtId="0" fontId="26" fillId="0" borderId="4" xfId="0" applyFont="1" applyFill="1" applyBorder="1" applyAlignment="1">
      <alignment horizontal="left" vertical="center"/>
    </xf>
    <xf numFmtId="0" fontId="26" fillId="0" borderId="5" xfId="0" applyFont="1" applyFill="1" applyBorder="1" applyAlignment="1">
      <alignment horizontal="left" vertical="center"/>
    </xf>
    <xf numFmtId="0" fontId="26" fillId="0" borderId="7" xfId="0" applyFont="1" applyFill="1" applyBorder="1" applyAlignment="1">
      <alignment horizontal="center" vertical="center" textRotation="255"/>
    </xf>
    <xf numFmtId="49" fontId="26" fillId="0" borderId="0" xfId="0" applyNumberFormat="1" applyFont="1" applyFill="1" applyAlignment="1">
      <alignment horizontal="right" vertical="center"/>
    </xf>
    <xf numFmtId="0" fontId="26" fillId="0" borderId="8" xfId="0" applyFont="1" applyFill="1" applyBorder="1" applyAlignment="1">
      <alignment horizontal="center" vertical="center" textRotation="255"/>
    </xf>
    <xf numFmtId="0" fontId="26" fillId="0" borderId="3" xfId="0" applyFont="1" applyFill="1" applyBorder="1" applyAlignment="1">
      <alignment horizontal="center" vertical="center" shrinkToFit="1"/>
    </xf>
    <xf numFmtId="0" fontId="26" fillId="0" borderId="4" xfId="0" applyFont="1" applyFill="1" applyBorder="1" applyAlignment="1">
      <alignment horizontal="center" vertical="center" shrinkToFit="1"/>
    </xf>
    <xf numFmtId="0" fontId="26" fillId="0" borderId="5" xfId="0" applyFont="1" applyFill="1" applyBorder="1" applyAlignment="1">
      <alignment horizontal="center" vertical="center" shrinkToFit="1"/>
    </xf>
    <xf numFmtId="0" fontId="27" fillId="0" borderId="3" xfId="0" applyFont="1" applyFill="1" applyBorder="1" applyAlignment="1">
      <alignment horizontal="center" vertical="center"/>
    </xf>
    <xf numFmtId="0" fontId="27" fillId="0" borderId="4" xfId="0" applyFont="1" applyFill="1" applyBorder="1" applyAlignment="1">
      <alignment horizontal="center" vertical="center"/>
    </xf>
    <xf numFmtId="0" fontId="27" fillId="0" borderId="5" xfId="0" applyFont="1" applyFill="1" applyBorder="1" applyAlignment="1">
      <alignment horizontal="center" vertical="center"/>
    </xf>
    <xf numFmtId="0" fontId="24" fillId="0" borderId="0" xfId="0"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97"/>
  <sheetViews>
    <sheetView tabSelected="1" view="pageBreakPreview" zoomScaleNormal="100" zoomScaleSheetLayoutView="100" workbookViewId="0">
      <selection activeCell="C88" sqref="C88"/>
    </sheetView>
  </sheetViews>
  <sheetFormatPr defaultColWidth="9" defaultRowHeight="13" x14ac:dyDescent="0.2"/>
  <cols>
    <col min="1" max="1" width="9" style="67"/>
    <col min="2" max="2" width="9" style="67" customWidth="1"/>
    <col min="3" max="9" width="9" style="67"/>
    <col min="10" max="10" width="9" style="67" customWidth="1"/>
    <col min="11" max="16384" width="9" style="67"/>
  </cols>
  <sheetData>
    <row r="1" spans="1:10" s="2" customFormat="1" ht="18.75" customHeight="1" x14ac:dyDescent="0.2">
      <c r="A1" s="1" t="s">
        <v>20</v>
      </c>
      <c r="B1" s="1"/>
      <c r="C1" s="1"/>
      <c r="D1" s="1"/>
      <c r="E1" s="1"/>
      <c r="F1" s="1"/>
      <c r="G1" s="1"/>
      <c r="H1" s="1"/>
      <c r="I1" s="1"/>
      <c r="J1" s="1"/>
    </row>
    <row r="2" spans="1:10" s="2" customFormat="1" ht="18.75" customHeight="1" x14ac:dyDescent="0.2">
      <c r="A2" s="3"/>
      <c r="F2" s="4" t="s">
        <v>21</v>
      </c>
      <c r="G2" s="5"/>
      <c r="H2" s="5"/>
      <c r="I2" s="5"/>
      <c r="J2" s="5"/>
    </row>
    <row r="3" spans="1:10" s="7" customFormat="1" ht="14.25" customHeight="1" x14ac:dyDescent="0.2">
      <c r="A3" s="6"/>
      <c r="J3" s="8" t="s">
        <v>96</v>
      </c>
    </row>
    <row r="4" spans="1:10" s="7" customFormat="1" ht="14.25" customHeight="1" x14ac:dyDescent="0.2">
      <c r="A4" s="6"/>
      <c r="J4" s="8"/>
    </row>
    <row r="5" spans="1:10" s="7" customFormat="1" ht="14.25" customHeight="1" x14ac:dyDescent="0.2">
      <c r="A5" s="7" t="s">
        <v>3</v>
      </c>
      <c r="D5" s="9"/>
      <c r="E5" s="9"/>
      <c r="F5" s="9"/>
      <c r="G5" s="9"/>
      <c r="H5" s="9"/>
      <c r="I5" s="9"/>
    </row>
    <row r="6" spans="1:10" s="7" customFormat="1" ht="14.25" customHeight="1" x14ac:dyDescent="0.2"/>
    <row r="7" spans="1:10" s="7" customFormat="1" ht="14.25" customHeight="1" x14ac:dyDescent="0.2">
      <c r="A7" s="7" t="s">
        <v>4</v>
      </c>
      <c r="D7" s="9" t="s">
        <v>14</v>
      </c>
      <c r="E7" s="9"/>
      <c r="F7" s="9"/>
      <c r="G7" s="9"/>
      <c r="H7" s="9"/>
      <c r="I7" s="9"/>
    </row>
    <row r="8" spans="1:10" s="7" customFormat="1" ht="14.25" customHeight="1" x14ac:dyDescent="0.2">
      <c r="D8" s="10"/>
      <c r="E8" s="10"/>
      <c r="F8" s="10"/>
      <c r="G8" s="10"/>
      <c r="H8" s="10"/>
      <c r="I8" s="10"/>
    </row>
    <row r="9" spans="1:10" s="7" customFormat="1" ht="14.25" customHeight="1" x14ac:dyDescent="0.2">
      <c r="D9" s="9"/>
      <c r="E9" s="9"/>
      <c r="F9" s="9"/>
      <c r="G9" s="9"/>
      <c r="H9" s="9"/>
      <c r="I9" s="9"/>
    </row>
    <row r="10" spans="1:10" s="7" customFormat="1" ht="14.25" customHeight="1" x14ac:dyDescent="0.2"/>
    <row r="11" spans="1:10" s="7" customFormat="1" ht="14.25" customHeight="1" x14ac:dyDescent="0.2">
      <c r="A11" s="7" t="s">
        <v>12</v>
      </c>
      <c r="D11" s="9"/>
      <c r="E11" s="9"/>
      <c r="F11" s="9"/>
      <c r="G11" s="9"/>
      <c r="H11" s="9"/>
      <c r="I11" s="9"/>
    </row>
    <row r="12" spans="1:10" s="7" customFormat="1" ht="14.25" customHeight="1" x14ac:dyDescent="0.2"/>
    <row r="13" spans="1:10" s="7" customFormat="1" ht="14.25" customHeight="1" x14ac:dyDescent="0.2">
      <c r="A13" s="7" t="s">
        <v>13</v>
      </c>
      <c r="D13" s="9" t="s">
        <v>14</v>
      </c>
      <c r="E13" s="9"/>
      <c r="F13" s="9"/>
      <c r="G13" s="9"/>
      <c r="H13" s="9"/>
      <c r="I13" s="9"/>
    </row>
    <row r="14" spans="1:10" s="7" customFormat="1" ht="14.25" customHeight="1" x14ac:dyDescent="0.2">
      <c r="D14" s="10"/>
      <c r="E14" s="10"/>
      <c r="F14" s="10"/>
      <c r="G14" s="10"/>
      <c r="H14" s="10"/>
      <c r="I14" s="10"/>
    </row>
    <row r="15" spans="1:10" s="7" customFormat="1" ht="14.25" customHeight="1" x14ac:dyDescent="0.2">
      <c r="D15" s="9"/>
      <c r="E15" s="9"/>
      <c r="F15" s="9"/>
      <c r="G15" s="9"/>
      <c r="H15" s="9"/>
      <c r="I15" s="9"/>
    </row>
    <row r="16" spans="1:10" s="7" customFormat="1" ht="14.25" customHeight="1" x14ac:dyDescent="0.2"/>
    <row r="17" spans="1:11" s="7" customFormat="1" ht="14.25" customHeight="1" x14ac:dyDescent="0.2">
      <c r="D17" s="9" t="s">
        <v>15</v>
      </c>
      <c r="E17" s="9"/>
      <c r="F17" s="9"/>
      <c r="G17" s="9"/>
      <c r="H17" s="9"/>
      <c r="I17" s="9"/>
    </row>
    <row r="18" spans="1:11" s="7" customFormat="1" ht="14.25" customHeight="1" x14ac:dyDescent="0.2"/>
    <row r="19" spans="1:11" s="7" customFormat="1" ht="14.25" customHeight="1" x14ac:dyDescent="0.2">
      <c r="D19" s="9" t="s">
        <v>16</v>
      </c>
      <c r="E19" s="9"/>
      <c r="F19" s="9"/>
      <c r="G19" s="9"/>
      <c r="H19" s="9"/>
      <c r="I19" s="9"/>
    </row>
    <row r="20" spans="1:11" s="7" customFormat="1" ht="14.25" customHeight="1" x14ac:dyDescent="0.2"/>
    <row r="21" spans="1:11" s="11" customFormat="1" ht="14.25" customHeight="1" x14ac:dyDescent="0.2">
      <c r="A21" s="7"/>
      <c r="B21" s="7"/>
      <c r="C21" s="7"/>
      <c r="D21" s="9" t="s">
        <v>102</v>
      </c>
      <c r="E21" s="9"/>
      <c r="F21" s="9"/>
      <c r="G21" s="9"/>
      <c r="H21" s="9"/>
      <c r="I21" s="9"/>
      <c r="J21" s="7"/>
      <c r="K21" s="7"/>
    </row>
    <row r="22" spans="1:11" s="12" customFormat="1" ht="14.25" customHeight="1" x14ac:dyDescent="0.2">
      <c r="A22" s="10"/>
      <c r="B22" s="10"/>
      <c r="C22" s="10"/>
      <c r="D22" s="10"/>
      <c r="E22" s="10"/>
      <c r="F22" s="10"/>
      <c r="G22" s="10"/>
      <c r="H22" s="10"/>
      <c r="I22" s="10"/>
      <c r="J22" s="10"/>
      <c r="K22" s="10"/>
    </row>
    <row r="23" spans="1:11" s="12" customFormat="1" ht="14.25" customHeight="1" x14ac:dyDescent="0.2">
      <c r="A23" s="10" t="s">
        <v>103</v>
      </c>
      <c r="B23" s="10"/>
      <c r="C23" s="10"/>
      <c r="D23" s="9"/>
      <c r="E23" s="9"/>
      <c r="F23" s="9"/>
      <c r="G23" s="9"/>
      <c r="H23" s="9"/>
      <c r="I23" s="9"/>
      <c r="J23" s="10"/>
      <c r="K23" s="10"/>
    </row>
    <row r="24" spans="1:11" s="7" customFormat="1" ht="14.25" customHeight="1" x14ac:dyDescent="0.2"/>
    <row r="25" spans="1:11" s="7" customFormat="1" ht="14.25" customHeight="1" x14ac:dyDescent="0.2">
      <c r="A25" s="7" t="s">
        <v>104</v>
      </c>
      <c r="D25" s="9"/>
      <c r="E25" s="9"/>
      <c r="F25" s="9"/>
      <c r="G25" s="9"/>
      <c r="H25" s="9"/>
      <c r="I25" s="9"/>
    </row>
    <row r="26" spans="1:11" s="7" customFormat="1" ht="14.25" customHeight="1" x14ac:dyDescent="0.2">
      <c r="D26" s="10"/>
      <c r="E26" s="10"/>
      <c r="F26" s="10"/>
      <c r="G26" s="10"/>
      <c r="H26" s="10"/>
      <c r="I26" s="10"/>
    </row>
    <row r="27" spans="1:11" s="7" customFormat="1" ht="14.9" customHeight="1" x14ac:dyDescent="0.2">
      <c r="A27" s="7" t="s">
        <v>105</v>
      </c>
      <c r="D27" s="9"/>
      <c r="E27" s="9"/>
      <c r="F27" s="9"/>
      <c r="G27" s="9"/>
      <c r="H27" s="9"/>
      <c r="I27" s="9"/>
    </row>
    <row r="28" spans="1:11" s="7" customFormat="1" ht="14.9" customHeight="1" x14ac:dyDescent="0.2">
      <c r="A28" s="7" t="s">
        <v>89</v>
      </c>
    </row>
    <row r="29" spans="1:11" s="7" customFormat="1" ht="14.25" customHeight="1" x14ac:dyDescent="0.2">
      <c r="D29" s="10"/>
      <c r="E29" s="10"/>
      <c r="F29" s="10"/>
      <c r="G29" s="10"/>
      <c r="H29" s="10"/>
      <c r="I29" s="10"/>
    </row>
    <row r="30" spans="1:11" s="7" customFormat="1" ht="14.25" customHeight="1" x14ac:dyDescent="0.2">
      <c r="A30" s="13" t="s">
        <v>106</v>
      </c>
      <c r="D30" s="9"/>
      <c r="E30" s="10" t="s">
        <v>22</v>
      </c>
      <c r="G30" s="14"/>
      <c r="H30" s="10"/>
      <c r="I30" s="14"/>
    </row>
    <row r="31" spans="1:11" s="7" customFormat="1" ht="14.25" customHeight="1" x14ac:dyDescent="0.2">
      <c r="A31" s="13"/>
      <c r="D31" s="10"/>
      <c r="F31" s="14"/>
      <c r="G31" s="10"/>
      <c r="H31" s="14"/>
    </row>
    <row r="32" spans="1:11" s="7" customFormat="1" ht="14.25" customHeight="1" x14ac:dyDescent="0.2">
      <c r="A32" s="13"/>
      <c r="D32" s="10" t="s">
        <v>23</v>
      </c>
    </row>
    <row r="33" spans="1:10" s="7" customFormat="1" ht="14.25" customHeight="1" x14ac:dyDescent="0.2">
      <c r="A33" s="13"/>
      <c r="E33" s="10"/>
      <c r="F33" s="10"/>
      <c r="H33" s="10"/>
    </row>
    <row r="34" spans="1:10" s="7" customFormat="1" ht="14.25" customHeight="1" x14ac:dyDescent="0.2">
      <c r="A34" s="13"/>
      <c r="D34" s="15" t="s">
        <v>29</v>
      </c>
      <c r="E34" s="9"/>
      <c r="F34" s="16" t="s">
        <v>24</v>
      </c>
      <c r="G34" s="9" t="s">
        <v>25</v>
      </c>
      <c r="H34" s="17" t="s">
        <v>26</v>
      </c>
      <c r="I34" s="9" t="s">
        <v>25</v>
      </c>
      <c r="J34" s="7" t="s">
        <v>2</v>
      </c>
    </row>
    <row r="35" spans="1:10" s="7" customFormat="1" ht="14.25" customHeight="1" x14ac:dyDescent="0.2">
      <c r="A35" s="13"/>
      <c r="D35" s="15"/>
      <c r="E35" s="10"/>
      <c r="F35" s="17"/>
      <c r="G35" s="10"/>
      <c r="H35" s="17"/>
      <c r="I35" s="10"/>
    </row>
    <row r="36" spans="1:10" s="7" customFormat="1" ht="14.25" customHeight="1" x14ac:dyDescent="0.2">
      <c r="A36" s="13"/>
      <c r="D36" s="15" t="s">
        <v>30</v>
      </c>
      <c r="E36" s="9"/>
      <c r="F36" s="16" t="s">
        <v>24</v>
      </c>
      <c r="G36" s="9" t="s">
        <v>25</v>
      </c>
      <c r="H36" s="17" t="s">
        <v>26</v>
      </c>
      <c r="I36" s="9" t="s">
        <v>25</v>
      </c>
      <c r="J36" s="7" t="s">
        <v>2</v>
      </c>
    </row>
    <row r="37" spans="1:10" s="7" customFormat="1" ht="14.25" customHeight="1" x14ac:dyDescent="0.2">
      <c r="A37" s="13"/>
      <c r="D37" s="15"/>
      <c r="E37" s="10"/>
      <c r="F37" s="17"/>
      <c r="G37" s="10"/>
      <c r="H37" s="17"/>
      <c r="I37" s="10"/>
    </row>
    <row r="38" spans="1:10" s="7" customFormat="1" ht="14.25" customHeight="1" x14ac:dyDescent="0.2">
      <c r="A38" s="13"/>
      <c r="D38" s="15" t="s">
        <v>94</v>
      </c>
      <c r="E38" s="9"/>
      <c r="F38" s="16" t="s">
        <v>24</v>
      </c>
      <c r="G38" s="9" t="s">
        <v>25</v>
      </c>
      <c r="H38" s="17" t="s">
        <v>26</v>
      </c>
      <c r="I38" s="9" t="s">
        <v>25</v>
      </c>
      <c r="J38" s="7" t="s">
        <v>2</v>
      </c>
    </row>
    <row r="39" spans="1:10" s="7" customFormat="1" ht="14.25" customHeight="1" x14ac:dyDescent="0.2">
      <c r="A39" s="13"/>
      <c r="D39" s="15"/>
      <c r="E39" s="10"/>
      <c r="F39" s="16"/>
      <c r="G39" s="10"/>
      <c r="H39" s="17"/>
      <c r="I39" s="10"/>
    </row>
    <row r="40" spans="1:10" s="7" customFormat="1" ht="14.25" customHeight="1" x14ac:dyDescent="0.2">
      <c r="A40" s="13"/>
      <c r="D40" s="15" t="s">
        <v>27</v>
      </c>
      <c r="E40" s="9"/>
      <c r="F40" s="16" t="s">
        <v>24</v>
      </c>
      <c r="G40" s="9" t="s">
        <v>25</v>
      </c>
      <c r="H40" s="17" t="s">
        <v>26</v>
      </c>
      <c r="I40" s="9" t="s">
        <v>25</v>
      </c>
      <c r="J40" s="7" t="s">
        <v>2</v>
      </c>
    </row>
    <row r="41" spans="1:10" s="7" customFormat="1" ht="14.25" customHeight="1" x14ac:dyDescent="0.2">
      <c r="A41" s="13"/>
      <c r="D41" s="15"/>
      <c r="E41" s="10"/>
      <c r="F41" s="17"/>
      <c r="G41" s="10"/>
      <c r="H41" s="17"/>
      <c r="I41" s="10"/>
    </row>
    <row r="42" spans="1:10" s="7" customFormat="1" ht="14.25" customHeight="1" x14ac:dyDescent="0.2">
      <c r="A42" s="13"/>
      <c r="D42" s="15" t="s">
        <v>28</v>
      </c>
      <c r="E42" s="9"/>
      <c r="F42" s="16" t="s">
        <v>24</v>
      </c>
      <c r="G42" s="9" t="s">
        <v>25</v>
      </c>
      <c r="H42" s="17" t="s">
        <v>26</v>
      </c>
      <c r="I42" s="9" t="s">
        <v>25</v>
      </c>
      <c r="J42" s="7" t="s">
        <v>2</v>
      </c>
    </row>
    <row r="43" spans="1:10" s="7" customFormat="1" ht="14.25" customHeight="1" x14ac:dyDescent="0.2">
      <c r="A43" s="13"/>
      <c r="D43" s="15"/>
      <c r="E43" s="10"/>
      <c r="F43" s="17"/>
      <c r="G43" s="10"/>
      <c r="H43" s="17"/>
      <c r="I43" s="10"/>
    </row>
    <row r="44" spans="1:10" s="7" customFormat="1" ht="14.25" customHeight="1" x14ac:dyDescent="0.2">
      <c r="A44" s="13"/>
      <c r="D44" s="15" t="s">
        <v>101</v>
      </c>
      <c r="E44" s="9"/>
      <c r="F44" s="16" t="s">
        <v>24</v>
      </c>
      <c r="G44" s="9" t="s">
        <v>25</v>
      </c>
      <c r="H44" s="17" t="s">
        <v>26</v>
      </c>
      <c r="I44" s="9" t="s">
        <v>25</v>
      </c>
      <c r="J44" s="7" t="s">
        <v>2</v>
      </c>
    </row>
    <row r="45" spans="1:10" s="7" customFormat="1" ht="14.25" customHeight="1" x14ac:dyDescent="0.2">
      <c r="A45" s="13"/>
      <c r="D45" s="15"/>
      <c r="E45" s="10"/>
      <c r="F45" s="16"/>
      <c r="G45" s="10"/>
      <c r="H45" s="17"/>
      <c r="I45" s="10"/>
    </row>
    <row r="46" spans="1:10" s="7" customFormat="1" ht="14.25" customHeight="1" x14ac:dyDescent="0.2">
      <c r="A46" s="13"/>
      <c r="D46" s="15" t="s">
        <v>100</v>
      </c>
      <c r="E46" s="9"/>
      <c r="F46" s="16" t="s">
        <v>24</v>
      </c>
      <c r="G46" s="9" t="s">
        <v>25</v>
      </c>
      <c r="H46" s="17" t="s">
        <v>26</v>
      </c>
      <c r="I46" s="9" t="s">
        <v>25</v>
      </c>
      <c r="J46" s="7" t="s">
        <v>2</v>
      </c>
    </row>
    <row r="47" spans="1:10" s="7" customFormat="1" ht="14.25" customHeight="1" x14ac:dyDescent="0.2">
      <c r="A47" s="13"/>
      <c r="D47" s="15"/>
      <c r="E47" s="10"/>
      <c r="F47" s="16"/>
      <c r="G47" s="10"/>
      <c r="H47" s="17"/>
      <c r="I47" s="10"/>
    </row>
    <row r="48" spans="1:10" s="7" customFormat="1" ht="14.25" customHeight="1" x14ac:dyDescent="0.2">
      <c r="A48" s="7" t="s">
        <v>107</v>
      </c>
      <c r="D48" s="9"/>
      <c r="E48" s="7" t="s">
        <v>5</v>
      </c>
      <c r="H48" s="10"/>
    </row>
    <row r="49" spans="1:20" s="7" customFormat="1" ht="14.25" customHeight="1" x14ac:dyDescent="0.2">
      <c r="D49" s="10"/>
      <c r="H49" s="10"/>
    </row>
    <row r="50" spans="1:20" s="7" customFormat="1" ht="14.25" customHeight="1" x14ac:dyDescent="0.2">
      <c r="A50" s="7" t="s">
        <v>108</v>
      </c>
      <c r="D50" s="9" t="s">
        <v>18</v>
      </c>
      <c r="E50" s="9"/>
      <c r="F50" s="18"/>
      <c r="G50" s="9"/>
      <c r="H50" s="18"/>
      <c r="I50" s="18"/>
    </row>
    <row r="51" spans="1:20" s="7" customFormat="1" ht="14.25" customHeight="1" x14ac:dyDescent="0.2">
      <c r="D51" s="10"/>
      <c r="E51" s="10"/>
      <c r="F51" s="19"/>
      <c r="G51" s="10"/>
      <c r="H51" s="19"/>
      <c r="I51" s="19"/>
    </row>
    <row r="52" spans="1:20" s="7" customFormat="1" ht="14.25" customHeight="1" x14ac:dyDescent="0.2">
      <c r="D52" s="9" t="s">
        <v>19</v>
      </c>
      <c r="E52" s="9"/>
      <c r="F52" s="18"/>
      <c r="G52" s="9"/>
      <c r="H52" s="18"/>
      <c r="I52" s="18"/>
    </row>
    <row r="53" spans="1:20" s="7" customFormat="1" ht="14.25" customHeight="1" x14ac:dyDescent="0.2">
      <c r="D53" s="10"/>
      <c r="E53" s="10"/>
      <c r="F53" s="19"/>
      <c r="G53" s="10"/>
      <c r="H53" s="19"/>
      <c r="I53" s="19"/>
    </row>
    <row r="54" spans="1:20" s="7" customFormat="1" ht="14.25" customHeight="1" x14ac:dyDescent="0.2">
      <c r="A54" s="7" t="s">
        <v>109</v>
      </c>
    </row>
    <row r="55" spans="1:20" s="22" customFormat="1" ht="14.25" customHeight="1" x14ac:dyDescent="0.2">
      <c r="A55" s="20"/>
      <c r="B55" s="20"/>
      <c r="C55" s="21"/>
      <c r="D55" s="21"/>
      <c r="E55" s="21"/>
      <c r="F55" s="21"/>
      <c r="G55" s="21"/>
      <c r="H55" s="21"/>
      <c r="I55" s="21"/>
      <c r="J55" s="20"/>
      <c r="R55" s="23"/>
      <c r="S55" s="20"/>
      <c r="T55" s="20"/>
    </row>
    <row r="56" spans="1:20" s="7" customFormat="1" ht="14" x14ac:dyDescent="0.2">
      <c r="A56" s="20"/>
      <c r="F56" s="24" t="s">
        <v>90</v>
      </c>
      <c r="G56" s="24"/>
      <c r="H56" s="24"/>
      <c r="I56" s="24"/>
      <c r="J56" s="24"/>
    </row>
    <row r="57" spans="1:20" s="7" customFormat="1" ht="14" x14ac:dyDescent="0.2">
      <c r="A57" s="20"/>
      <c r="F57" s="25"/>
      <c r="G57" s="25"/>
      <c r="H57" s="25"/>
      <c r="I57" s="25"/>
      <c r="J57" s="25"/>
    </row>
    <row r="58" spans="1:20" s="22" customFormat="1" ht="14.25" customHeight="1" x14ac:dyDescent="0.2">
      <c r="A58" s="20" t="s">
        <v>98</v>
      </c>
      <c r="B58" s="20"/>
      <c r="C58" s="20"/>
      <c r="D58" s="20"/>
      <c r="E58" s="20"/>
      <c r="F58" s="7"/>
      <c r="G58" s="10" t="s">
        <v>80</v>
      </c>
      <c r="H58" s="10"/>
      <c r="I58" s="7"/>
      <c r="J58" s="10" t="s">
        <v>0</v>
      </c>
      <c r="K58" s="20"/>
      <c r="L58" s="20"/>
      <c r="N58" s="20"/>
      <c r="O58" s="20"/>
      <c r="P58" s="20"/>
      <c r="Q58" s="20"/>
      <c r="R58" s="20"/>
      <c r="S58" s="20"/>
      <c r="T58" s="20"/>
    </row>
    <row r="59" spans="1:20" s="22" customFormat="1" ht="14.25" customHeight="1" x14ac:dyDescent="0.2">
      <c r="A59" s="20"/>
      <c r="B59" s="20"/>
      <c r="C59" s="20"/>
      <c r="D59" s="20"/>
      <c r="E59" s="20"/>
      <c r="F59" s="23"/>
      <c r="G59" s="23"/>
      <c r="H59" s="23"/>
      <c r="I59" s="20"/>
      <c r="J59" s="20"/>
      <c r="K59" s="20"/>
      <c r="L59" s="20"/>
      <c r="N59" s="20"/>
      <c r="O59" s="20"/>
      <c r="P59" s="20"/>
      <c r="Q59" s="20"/>
      <c r="R59" s="20"/>
      <c r="S59" s="20"/>
      <c r="T59" s="20"/>
    </row>
    <row r="60" spans="1:20" s="22" customFormat="1" ht="14.25" customHeight="1" x14ac:dyDescent="0.2">
      <c r="A60" s="20" t="s">
        <v>99</v>
      </c>
      <c r="B60" s="20"/>
      <c r="C60" s="20"/>
      <c r="D60" s="20"/>
      <c r="E60" s="20"/>
      <c r="F60" s="7"/>
      <c r="G60" s="7" t="s">
        <v>1</v>
      </c>
      <c r="H60" s="10" t="s">
        <v>0</v>
      </c>
      <c r="I60" s="7"/>
      <c r="J60" s="7"/>
      <c r="K60" s="20"/>
      <c r="L60" s="20"/>
      <c r="N60" s="20"/>
      <c r="O60" s="20"/>
      <c r="P60" s="20"/>
      <c r="Q60" s="20"/>
      <c r="R60" s="20"/>
      <c r="S60" s="20"/>
      <c r="T60" s="20"/>
    </row>
    <row r="61" spans="1:20" s="22" customFormat="1" ht="14.25" customHeight="1" x14ac:dyDescent="0.2">
      <c r="A61" s="20"/>
      <c r="B61" s="20"/>
      <c r="C61" s="20"/>
      <c r="D61" s="20"/>
      <c r="E61" s="20"/>
      <c r="F61" s="23"/>
      <c r="G61" s="23"/>
      <c r="H61" s="23"/>
      <c r="I61" s="20"/>
      <c r="J61" s="20"/>
      <c r="K61" s="20"/>
      <c r="L61" s="20"/>
      <c r="N61" s="20"/>
      <c r="O61" s="20"/>
      <c r="P61" s="20"/>
      <c r="Q61" s="20"/>
      <c r="R61" s="20"/>
      <c r="S61" s="20"/>
      <c r="T61" s="20"/>
    </row>
    <row r="62" spans="1:20" s="22" customFormat="1" ht="14.25" customHeight="1" x14ac:dyDescent="0.2">
      <c r="A62" s="20" t="s">
        <v>126</v>
      </c>
      <c r="B62" s="20"/>
      <c r="C62" s="20"/>
      <c r="D62" s="20"/>
      <c r="E62" s="20"/>
      <c r="F62" s="7"/>
      <c r="G62" s="7" t="s">
        <v>1</v>
      </c>
      <c r="H62" s="10" t="s">
        <v>0</v>
      </c>
      <c r="I62" s="7"/>
      <c r="J62" s="7"/>
      <c r="K62" s="20"/>
      <c r="L62" s="20"/>
      <c r="N62" s="20"/>
      <c r="O62" s="20"/>
      <c r="P62" s="20"/>
      <c r="Q62" s="20"/>
      <c r="R62" s="20"/>
      <c r="S62" s="20"/>
      <c r="T62" s="20"/>
    </row>
    <row r="63" spans="1:20" s="22" customFormat="1" ht="14.25" customHeight="1" x14ac:dyDescent="0.2">
      <c r="A63" s="20"/>
      <c r="B63" s="20"/>
      <c r="C63" s="20"/>
      <c r="D63" s="20"/>
      <c r="E63" s="20"/>
      <c r="F63" s="23"/>
      <c r="G63" s="23"/>
      <c r="H63" s="23"/>
      <c r="I63" s="20"/>
      <c r="J63" s="20"/>
    </row>
    <row r="64" spans="1:20" s="22" customFormat="1" ht="14.25" customHeight="1" x14ac:dyDescent="0.2">
      <c r="A64" s="20" t="s">
        <v>128</v>
      </c>
      <c r="B64" s="20"/>
      <c r="C64" s="20"/>
      <c r="D64" s="20"/>
      <c r="E64" s="20"/>
      <c r="F64" s="7"/>
      <c r="G64" s="7" t="s">
        <v>1</v>
      </c>
      <c r="H64" s="10" t="s">
        <v>0</v>
      </c>
      <c r="I64" s="7"/>
      <c r="J64" s="7"/>
      <c r="K64" s="20"/>
      <c r="L64" s="20"/>
      <c r="N64" s="20"/>
      <c r="O64" s="20"/>
      <c r="P64" s="20"/>
      <c r="Q64" s="20"/>
      <c r="R64" s="20"/>
      <c r="S64" s="20"/>
      <c r="T64" s="20"/>
    </row>
    <row r="65" spans="1:10" s="22" customFormat="1" ht="14.25" customHeight="1" x14ac:dyDescent="0.2">
      <c r="A65" s="20"/>
      <c r="B65" s="20"/>
      <c r="C65" s="20"/>
      <c r="D65" s="20"/>
      <c r="E65" s="20"/>
      <c r="F65" s="23"/>
      <c r="G65" s="23"/>
      <c r="H65" s="23"/>
      <c r="I65" s="20"/>
      <c r="J65" s="20"/>
    </row>
    <row r="66" spans="1:10" s="22" customFormat="1" ht="14.25" customHeight="1" x14ac:dyDescent="0.2">
      <c r="A66" s="20" t="s">
        <v>129</v>
      </c>
      <c r="B66" s="20"/>
      <c r="C66" s="20"/>
      <c r="D66" s="20"/>
      <c r="E66" s="20"/>
      <c r="F66" s="23"/>
      <c r="G66" s="7" t="s">
        <v>1</v>
      </c>
      <c r="H66" s="10" t="s">
        <v>0</v>
      </c>
      <c r="I66" s="20"/>
      <c r="J66" s="20"/>
    </row>
    <row r="67" spans="1:10" s="22" customFormat="1" ht="14.25" customHeight="1" x14ac:dyDescent="0.2">
      <c r="A67" s="20"/>
      <c r="B67" s="20"/>
      <c r="C67" s="20"/>
      <c r="D67" s="20"/>
      <c r="E67" s="20"/>
      <c r="F67" s="23"/>
      <c r="G67" s="23"/>
      <c r="H67" s="23"/>
      <c r="I67" s="20"/>
      <c r="J67" s="20"/>
    </row>
    <row r="68" spans="1:10" s="22" customFormat="1" ht="14.25" customHeight="1" x14ac:dyDescent="0.2">
      <c r="A68" s="20" t="s">
        <v>130</v>
      </c>
      <c r="B68" s="20"/>
      <c r="C68" s="20"/>
      <c r="D68" s="20"/>
      <c r="E68" s="20"/>
      <c r="F68" s="23"/>
      <c r="G68" s="7" t="s">
        <v>1</v>
      </c>
      <c r="H68" s="10" t="s">
        <v>0</v>
      </c>
      <c r="I68" s="20"/>
      <c r="J68" s="20"/>
    </row>
    <row r="69" spans="1:10" s="22" customFormat="1" ht="14.25" customHeight="1" x14ac:dyDescent="0.2">
      <c r="A69" s="20"/>
      <c r="B69" s="20"/>
      <c r="C69" s="20"/>
      <c r="D69" s="20"/>
      <c r="E69" s="20"/>
      <c r="F69" s="23"/>
      <c r="G69" s="23"/>
      <c r="H69" s="23"/>
      <c r="I69" s="20"/>
      <c r="J69" s="20"/>
    </row>
    <row r="70" spans="1:10" s="22" customFormat="1" ht="14.25" customHeight="1" x14ac:dyDescent="0.2">
      <c r="A70" s="20" t="s">
        <v>131</v>
      </c>
      <c r="B70" s="20"/>
      <c r="C70" s="20"/>
      <c r="D70" s="20"/>
      <c r="E70" s="20"/>
      <c r="F70" s="23"/>
      <c r="G70" s="7" t="s">
        <v>1</v>
      </c>
      <c r="H70" s="10" t="s">
        <v>0</v>
      </c>
      <c r="I70" s="20"/>
      <c r="J70" s="20"/>
    </row>
    <row r="71" spans="1:10" s="22" customFormat="1" ht="14.25" customHeight="1" x14ac:dyDescent="0.2">
      <c r="A71" s="20"/>
      <c r="B71" s="20"/>
      <c r="C71" s="20"/>
      <c r="D71" s="20"/>
      <c r="E71" s="20"/>
      <c r="F71" s="23"/>
      <c r="G71" s="23"/>
      <c r="H71" s="23"/>
      <c r="I71" s="20"/>
      <c r="J71" s="20"/>
    </row>
    <row r="72" spans="1:10" s="22" customFormat="1" ht="14.25" customHeight="1" x14ac:dyDescent="0.2">
      <c r="A72" s="20" t="s">
        <v>132</v>
      </c>
      <c r="B72" s="20"/>
      <c r="C72" s="20"/>
      <c r="D72" s="20"/>
      <c r="E72" s="20"/>
      <c r="F72" s="7"/>
      <c r="G72" s="10" t="s">
        <v>33</v>
      </c>
      <c r="H72" s="7"/>
      <c r="I72" s="7"/>
      <c r="J72" s="10" t="s">
        <v>17</v>
      </c>
    </row>
    <row r="73" spans="1:10" s="22" customFormat="1" ht="14.25" customHeight="1" x14ac:dyDescent="0.2">
      <c r="A73" s="20"/>
      <c r="B73" s="20"/>
      <c r="C73" s="21"/>
      <c r="D73" s="21"/>
      <c r="E73" s="21"/>
      <c r="F73" s="20"/>
      <c r="G73" s="26"/>
      <c r="I73" s="20"/>
    </row>
    <row r="74" spans="1:10" s="22" customFormat="1" ht="14.25" customHeight="1" x14ac:dyDescent="0.2">
      <c r="A74" s="20" t="s">
        <v>133</v>
      </c>
      <c r="B74" s="20"/>
      <c r="C74" s="20"/>
      <c r="D74" s="20"/>
      <c r="E74" s="20"/>
      <c r="F74" s="7"/>
      <c r="G74" s="10" t="s">
        <v>80</v>
      </c>
      <c r="H74" s="7"/>
      <c r="I74" s="7"/>
      <c r="J74" s="10" t="s">
        <v>17</v>
      </c>
    </row>
    <row r="75" spans="1:10" s="22" customFormat="1" ht="14.25" customHeight="1" x14ac:dyDescent="0.2">
      <c r="A75" s="20"/>
      <c r="B75" s="20"/>
      <c r="C75" s="20"/>
      <c r="D75" s="20"/>
      <c r="E75" s="20"/>
      <c r="F75" s="23"/>
      <c r="G75" s="26"/>
      <c r="H75" s="23"/>
      <c r="I75" s="20"/>
      <c r="J75" s="23"/>
    </row>
    <row r="76" spans="1:10" s="22" customFormat="1" ht="14.25" customHeight="1" x14ac:dyDescent="0.2">
      <c r="A76" s="20" t="s">
        <v>134</v>
      </c>
      <c r="B76" s="20"/>
      <c r="C76" s="20"/>
      <c r="D76" s="20"/>
      <c r="E76" s="20"/>
      <c r="F76" s="7"/>
      <c r="G76" s="7" t="s">
        <v>1</v>
      </c>
      <c r="H76" s="10" t="s">
        <v>0</v>
      </c>
      <c r="I76" s="7"/>
      <c r="J76" s="7"/>
    </row>
    <row r="77" spans="1:10" s="22" customFormat="1" ht="14.25" customHeight="1" x14ac:dyDescent="0.2">
      <c r="A77" s="20"/>
      <c r="B77" s="20"/>
      <c r="C77" s="20"/>
      <c r="D77" s="20"/>
      <c r="E77" s="20"/>
      <c r="F77" s="23"/>
      <c r="G77" s="26"/>
      <c r="H77" s="23"/>
      <c r="I77" s="20"/>
      <c r="J77" s="23"/>
    </row>
    <row r="78" spans="1:10" s="22" customFormat="1" ht="14.25" customHeight="1" x14ac:dyDescent="0.2">
      <c r="A78" s="20" t="s">
        <v>135</v>
      </c>
      <c r="B78" s="20"/>
      <c r="C78" s="20"/>
      <c r="D78" s="20"/>
      <c r="E78" s="20"/>
      <c r="F78" s="7"/>
      <c r="G78" s="7" t="s">
        <v>1</v>
      </c>
      <c r="H78" s="10" t="s">
        <v>0</v>
      </c>
      <c r="I78" s="7"/>
      <c r="J78" s="7"/>
    </row>
    <row r="79" spans="1:10" s="22" customFormat="1" ht="14.25" customHeight="1" x14ac:dyDescent="0.2">
      <c r="A79" s="20"/>
      <c r="B79" s="20"/>
      <c r="C79" s="20"/>
      <c r="D79" s="20"/>
      <c r="E79" s="20"/>
      <c r="F79" s="23"/>
      <c r="G79" s="23"/>
      <c r="H79" s="23"/>
      <c r="I79" s="20"/>
      <c r="J79" s="20"/>
    </row>
    <row r="80" spans="1:10" s="22" customFormat="1" ht="14.25" customHeight="1" x14ac:dyDescent="0.2">
      <c r="A80" s="20" t="s">
        <v>136</v>
      </c>
      <c r="B80" s="20"/>
      <c r="C80" s="20"/>
      <c r="D80" s="20"/>
      <c r="E80" s="20"/>
      <c r="F80" s="7"/>
      <c r="G80" s="7" t="s">
        <v>1</v>
      </c>
      <c r="H80" s="10" t="s">
        <v>0</v>
      </c>
      <c r="I80" s="7"/>
      <c r="J80" s="7"/>
    </row>
    <row r="81" spans="1:256" s="22" customFormat="1" ht="14.25" customHeight="1" x14ac:dyDescent="0.2">
      <c r="A81" s="20"/>
      <c r="B81" s="20"/>
      <c r="C81" s="20"/>
      <c r="D81" s="20"/>
      <c r="E81" s="20"/>
      <c r="F81" s="23"/>
      <c r="G81" s="23"/>
      <c r="H81" s="23"/>
      <c r="I81" s="20"/>
      <c r="J81" s="20"/>
    </row>
    <row r="82" spans="1:256" s="7" customFormat="1" ht="14.25" customHeight="1" x14ac:dyDescent="0.2">
      <c r="A82" s="27" t="s">
        <v>137</v>
      </c>
      <c r="B82" s="27"/>
      <c r="C82" s="27"/>
      <c r="D82" s="27"/>
      <c r="E82" s="27"/>
      <c r="G82" s="23" t="s">
        <v>141</v>
      </c>
      <c r="H82" s="10"/>
      <c r="J82" s="10" t="s">
        <v>0</v>
      </c>
    </row>
    <row r="83" spans="1:256" s="7" customFormat="1" ht="14.25" customHeight="1" x14ac:dyDescent="0.2">
      <c r="G83" s="10"/>
      <c r="J83" s="10"/>
    </row>
    <row r="84" spans="1:256" s="22" customFormat="1" ht="14.25" customHeight="1" x14ac:dyDescent="0.2">
      <c r="A84" s="28" t="s">
        <v>142</v>
      </c>
      <c r="B84" s="28"/>
      <c r="C84" s="28"/>
      <c r="D84" s="28"/>
      <c r="E84" s="28"/>
      <c r="F84" s="29"/>
      <c r="G84" s="29" t="s">
        <v>124</v>
      </c>
      <c r="H84" s="29"/>
      <c r="I84" s="29"/>
      <c r="J84" s="29" t="s">
        <v>125</v>
      </c>
      <c r="K84" s="30"/>
      <c r="L84" s="30"/>
      <c r="M84" s="30"/>
      <c r="N84" s="30"/>
      <c r="O84" s="30"/>
      <c r="P84" s="30"/>
      <c r="Q84" s="30"/>
      <c r="R84" s="30"/>
      <c r="S84" s="30"/>
      <c r="T84" s="30"/>
      <c r="U84" s="30"/>
      <c r="V84" s="30"/>
      <c r="W84" s="30"/>
      <c r="X84" s="30"/>
      <c r="Y84" s="30"/>
      <c r="Z84" s="30"/>
      <c r="AA84" s="30"/>
      <c r="AB84" s="30"/>
      <c r="AC84" s="30"/>
      <c r="AD84" s="30"/>
      <c r="AE84" s="30"/>
      <c r="AF84" s="30"/>
      <c r="AG84" s="30"/>
      <c r="AH84" s="30"/>
      <c r="AI84" s="30"/>
      <c r="AJ84" s="30"/>
      <c r="AK84" s="30"/>
      <c r="AL84" s="30"/>
      <c r="AM84" s="30"/>
      <c r="AN84" s="30"/>
      <c r="AO84" s="30"/>
      <c r="AP84" s="30"/>
      <c r="AQ84" s="30"/>
      <c r="AR84" s="30"/>
      <c r="AS84" s="30"/>
      <c r="AT84" s="30"/>
      <c r="AU84" s="30"/>
      <c r="AV84" s="30"/>
      <c r="AW84" s="30"/>
      <c r="AX84" s="30"/>
      <c r="AY84" s="30"/>
      <c r="AZ84" s="30"/>
      <c r="BA84" s="30"/>
      <c r="BB84" s="30"/>
      <c r="BC84" s="30"/>
      <c r="BD84" s="30"/>
      <c r="BE84" s="30"/>
      <c r="BF84" s="30"/>
      <c r="BG84" s="30"/>
      <c r="BH84" s="30"/>
      <c r="BI84" s="30"/>
      <c r="BJ84" s="30"/>
      <c r="BK84" s="30"/>
      <c r="BL84" s="30"/>
      <c r="BM84" s="30"/>
      <c r="BN84" s="30"/>
      <c r="BO84" s="30"/>
      <c r="BP84" s="30"/>
      <c r="BQ84" s="30"/>
      <c r="BR84" s="30"/>
      <c r="BS84" s="30"/>
      <c r="BT84" s="30"/>
      <c r="BU84" s="30"/>
      <c r="BV84" s="30"/>
      <c r="BW84" s="30"/>
      <c r="BX84" s="30"/>
      <c r="BY84" s="30"/>
      <c r="BZ84" s="30"/>
      <c r="CA84" s="30"/>
      <c r="CB84" s="30"/>
      <c r="CC84" s="30"/>
      <c r="CD84" s="30"/>
      <c r="CE84" s="30"/>
      <c r="CF84" s="30"/>
      <c r="CG84" s="30"/>
      <c r="CH84" s="30"/>
      <c r="CI84" s="30"/>
      <c r="CJ84" s="30"/>
      <c r="CK84" s="30"/>
      <c r="CL84" s="30"/>
      <c r="CM84" s="30"/>
      <c r="CN84" s="30"/>
      <c r="CO84" s="30"/>
      <c r="CP84" s="30"/>
      <c r="CQ84" s="30"/>
      <c r="CR84" s="30"/>
      <c r="CS84" s="30"/>
      <c r="CT84" s="30"/>
      <c r="CU84" s="30"/>
      <c r="CV84" s="30"/>
      <c r="CW84" s="30"/>
      <c r="CX84" s="30"/>
      <c r="CY84" s="30"/>
      <c r="CZ84" s="30"/>
      <c r="DA84" s="30"/>
      <c r="DB84" s="30"/>
      <c r="DC84" s="30"/>
      <c r="DD84" s="30"/>
      <c r="DE84" s="30"/>
      <c r="DF84" s="30"/>
      <c r="DG84" s="30"/>
      <c r="DH84" s="30"/>
      <c r="DI84" s="30"/>
      <c r="DJ84" s="30"/>
      <c r="DK84" s="30"/>
      <c r="DL84" s="30"/>
      <c r="DM84" s="30"/>
      <c r="DN84" s="30"/>
      <c r="DO84" s="30"/>
      <c r="DP84" s="30"/>
      <c r="DQ84" s="30"/>
      <c r="DR84" s="30"/>
      <c r="DS84" s="30"/>
      <c r="DT84" s="30"/>
      <c r="DU84" s="30"/>
      <c r="DV84" s="30"/>
      <c r="DW84" s="30"/>
      <c r="DX84" s="30"/>
      <c r="DY84" s="30"/>
      <c r="DZ84" s="30"/>
      <c r="EA84" s="30"/>
      <c r="EB84" s="30"/>
      <c r="EC84" s="30"/>
      <c r="ED84" s="30"/>
      <c r="EE84" s="30"/>
      <c r="EF84" s="30"/>
      <c r="EG84" s="30"/>
      <c r="EH84" s="30"/>
      <c r="EI84" s="30"/>
      <c r="EJ84" s="30"/>
      <c r="EK84" s="30"/>
      <c r="EL84" s="30"/>
      <c r="EM84" s="30"/>
      <c r="EN84" s="30"/>
      <c r="EO84" s="30"/>
      <c r="EP84" s="30"/>
      <c r="EQ84" s="30"/>
      <c r="ER84" s="30"/>
      <c r="ES84" s="30"/>
      <c r="ET84" s="30"/>
      <c r="EU84" s="30"/>
      <c r="EV84" s="30"/>
      <c r="EW84" s="30"/>
      <c r="EX84" s="30"/>
      <c r="EY84" s="30"/>
      <c r="EZ84" s="30"/>
      <c r="FA84" s="30"/>
      <c r="FB84" s="30"/>
      <c r="FC84" s="30"/>
      <c r="FD84" s="30"/>
      <c r="FE84" s="30"/>
      <c r="FF84" s="30"/>
      <c r="FG84" s="30"/>
      <c r="FH84" s="30"/>
      <c r="FI84" s="30"/>
      <c r="FJ84" s="30"/>
      <c r="FK84" s="30"/>
      <c r="FL84" s="30"/>
      <c r="FM84" s="30"/>
      <c r="FN84" s="30"/>
      <c r="FO84" s="30"/>
      <c r="FP84" s="30"/>
      <c r="FQ84" s="30"/>
      <c r="FR84" s="30"/>
      <c r="FS84" s="30"/>
      <c r="FT84" s="30"/>
      <c r="FU84" s="30"/>
      <c r="FV84" s="30"/>
      <c r="FW84" s="30"/>
      <c r="FX84" s="30"/>
      <c r="FY84" s="30"/>
      <c r="FZ84" s="30"/>
      <c r="GA84" s="30"/>
      <c r="GB84" s="30"/>
      <c r="GC84" s="30"/>
      <c r="GD84" s="30"/>
      <c r="GE84" s="30"/>
      <c r="GF84" s="30"/>
      <c r="GG84" s="30"/>
      <c r="GH84" s="30"/>
      <c r="GI84" s="30"/>
      <c r="GJ84" s="30"/>
      <c r="GK84" s="30"/>
      <c r="GL84" s="30"/>
      <c r="GM84" s="30"/>
      <c r="GN84" s="30"/>
      <c r="GO84" s="30"/>
      <c r="GP84" s="30"/>
      <c r="GQ84" s="30"/>
      <c r="GR84" s="30"/>
      <c r="GS84" s="30"/>
      <c r="GT84" s="30"/>
      <c r="GU84" s="30"/>
      <c r="GV84" s="30"/>
      <c r="GW84" s="30"/>
      <c r="GX84" s="30"/>
      <c r="GY84" s="30"/>
      <c r="GZ84" s="30"/>
      <c r="HA84" s="30"/>
      <c r="HB84" s="30"/>
      <c r="HC84" s="30"/>
      <c r="HD84" s="30"/>
      <c r="HE84" s="30"/>
      <c r="HF84" s="30"/>
      <c r="HG84" s="30"/>
      <c r="HH84" s="30"/>
      <c r="HI84" s="30"/>
      <c r="HJ84" s="30"/>
      <c r="HK84" s="30"/>
      <c r="HL84" s="30"/>
      <c r="HM84" s="30"/>
      <c r="HN84" s="30"/>
      <c r="HO84" s="30"/>
      <c r="HP84" s="30"/>
      <c r="HQ84" s="30"/>
      <c r="HR84" s="30"/>
      <c r="HS84" s="30"/>
      <c r="HT84" s="30"/>
      <c r="HU84" s="30"/>
      <c r="HV84" s="30"/>
      <c r="HW84" s="30"/>
      <c r="HX84" s="30"/>
      <c r="HY84" s="30"/>
      <c r="HZ84" s="30"/>
      <c r="IA84" s="30"/>
      <c r="IB84" s="30"/>
      <c r="IC84" s="30"/>
      <c r="ID84" s="30"/>
      <c r="IE84" s="30"/>
      <c r="IF84" s="30"/>
      <c r="IG84" s="30"/>
      <c r="IH84" s="30"/>
      <c r="II84" s="30"/>
      <c r="IJ84" s="30"/>
      <c r="IK84" s="30"/>
      <c r="IL84" s="30"/>
      <c r="IM84" s="30"/>
      <c r="IN84" s="30"/>
      <c r="IO84" s="30"/>
      <c r="IP84" s="30"/>
      <c r="IQ84" s="30"/>
      <c r="IR84" s="30"/>
      <c r="IS84" s="30"/>
      <c r="IT84" s="30"/>
      <c r="IU84" s="30"/>
      <c r="IV84" s="30"/>
    </row>
    <row r="85" spans="1:256" s="22" customFormat="1" ht="14.25" customHeight="1" x14ac:dyDescent="0.2">
      <c r="A85" s="20"/>
      <c r="B85" s="20"/>
      <c r="C85" s="20"/>
      <c r="D85" s="20"/>
      <c r="E85" s="20"/>
      <c r="F85" s="7"/>
      <c r="G85" s="7"/>
      <c r="H85" s="10"/>
      <c r="I85" s="23"/>
      <c r="J85" s="20"/>
    </row>
    <row r="86" spans="1:256" s="22" customFormat="1" ht="14.25" customHeight="1" x14ac:dyDescent="0.2">
      <c r="A86" s="20" t="s">
        <v>138</v>
      </c>
      <c r="B86" s="20"/>
      <c r="C86" s="20"/>
      <c r="D86" s="20"/>
      <c r="E86" s="20"/>
      <c r="F86" s="7"/>
      <c r="G86" s="7" t="s">
        <v>1</v>
      </c>
      <c r="H86" s="10" t="s">
        <v>0</v>
      </c>
      <c r="I86" s="23"/>
      <c r="J86" s="20"/>
    </row>
    <row r="87" spans="1:256" s="22" customFormat="1" ht="14.25" customHeight="1" x14ac:dyDescent="0.2">
      <c r="A87" s="20"/>
      <c r="B87" s="20"/>
      <c r="C87" s="20"/>
      <c r="D87" s="20"/>
      <c r="E87" s="20"/>
      <c r="F87" s="7"/>
      <c r="G87" s="7"/>
      <c r="H87" s="10"/>
      <c r="I87" s="23"/>
      <c r="J87" s="20"/>
    </row>
    <row r="88" spans="1:256" s="7" customFormat="1" ht="14.25" customHeight="1" x14ac:dyDescent="0.2">
      <c r="A88" s="20" t="s">
        <v>110</v>
      </c>
    </row>
    <row r="89" spans="1:256" s="22" customFormat="1" ht="14.25" customHeight="1" x14ac:dyDescent="0.2">
      <c r="A89" s="20"/>
      <c r="B89" s="20"/>
      <c r="C89" s="20"/>
      <c r="D89" s="20"/>
      <c r="E89" s="20"/>
      <c r="F89" s="23"/>
      <c r="G89" s="23"/>
      <c r="H89" s="31"/>
      <c r="I89" s="31"/>
      <c r="J89" s="23"/>
      <c r="K89" s="32"/>
    </row>
    <row r="90" spans="1:256" s="7" customFormat="1" ht="14.25" customHeight="1" x14ac:dyDescent="0.2">
      <c r="A90" s="7" t="s">
        <v>34</v>
      </c>
      <c r="G90" s="10" t="s">
        <v>1</v>
      </c>
      <c r="H90" s="10" t="s">
        <v>0</v>
      </c>
      <c r="J90" s="10"/>
    </row>
    <row r="91" spans="1:256" s="7" customFormat="1" ht="14.25" customHeight="1" x14ac:dyDescent="0.2">
      <c r="A91" s="7" t="s">
        <v>35</v>
      </c>
      <c r="J91" s="10"/>
    </row>
    <row r="92" spans="1:256" s="7" customFormat="1" ht="14.25" customHeight="1" x14ac:dyDescent="0.2">
      <c r="J92" s="10"/>
    </row>
    <row r="93" spans="1:256" s="7" customFormat="1" ht="14.25" customHeight="1" x14ac:dyDescent="0.2">
      <c r="A93" s="7" t="s">
        <v>140</v>
      </c>
      <c r="G93" s="10" t="s">
        <v>1</v>
      </c>
      <c r="H93" s="10" t="s">
        <v>0</v>
      </c>
      <c r="J93" s="10"/>
    </row>
    <row r="94" spans="1:256" s="7" customFormat="1" ht="14.25" customHeight="1" x14ac:dyDescent="0.2">
      <c r="A94" s="7" t="s">
        <v>139</v>
      </c>
      <c r="J94" s="10"/>
    </row>
    <row r="95" spans="1:256" s="7" customFormat="1" ht="14.25" customHeight="1" x14ac:dyDescent="0.2">
      <c r="A95" s="7" t="s">
        <v>36</v>
      </c>
      <c r="G95" s="7" t="s">
        <v>1</v>
      </c>
      <c r="H95" s="7" t="s">
        <v>0</v>
      </c>
      <c r="J95" s="10"/>
    </row>
    <row r="96" spans="1:256" s="7" customFormat="1" ht="14.25" customHeight="1" x14ac:dyDescent="0.2">
      <c r="A96" s="7" t="s">
        <v>37</v>
      </c>
      <c r="J96" s="10"/>
    </row>
    <row r="97" spans="1:10" s="7" customFormat="1" ht="14.25" customHeight="1" x14ac:dyDescent="0.2">
      <c r="J97" s="10"/>
    </row>
    <row r="98" spans="1:10" s="7" customFormat="1" ht="14.25" customHeight="1" x14ac:dyDescent="0.2">
      <c r="A98" s="7" t="s">
        <v>127</v>
      </c>
      <c r="G98" s="7" t="s">
        <v>1</v>
      </c>
      <c r="H98" s="7" t="s">
        <v>0</v>
      </c>
      <c r="J98" s="10"/>
    </row>
    <row r="99" spans="1:10" s="7" customFormat="1" ht="14.25" customHeight="1" x14ac:dyDescent="0.2">
      <c r="J99" s="10"/>
    </row>
    <row r="100" spans="1:10" s="7" customFormat="1" ht="14.25" customHeight="1" x14ac:dyDescent="0.2">
      <c r="J100" s="10"/>
    </row>
    <row r="101" spans="1:10" s="7" customFormat="1" ht="14.25" customHeight="1" x14ac:dyDescent="0.2">
      <c r="A101" s="7" t="s">
        <v>111</v>
      </c>
      <c r="G101" s="10"/>
      <c r="H101" s="10"/>
    </row>
    <row r="102" spans="1:10" s="7" customFormat="1" ht="14.25" customHeight="1" x14ac:dyDescent="0.2">
      <c r="A102" s="7" t="s">
        <v>38</v>
      </c>
      <c r="G102" s="10"/>
      <c r="H102" s="10"/>
    </row>
    <row r="103" spans="1:10" s="7" customFormat="1" ht="14.25" customHeight="1" x14ac:dyDescent="0.2">
      <c r="G103" s="10"/>
      <c r="H103" s="10"/>
    </row>
    <row r="104" spans="1:10" s="7" customFormat="1" ht="14.25" customHeight="1" x14ac:dyDescent="0.2">
      <c r="B104" s="33" t="s">
        <v>39</v>
      </c>
      <c r="C104" s="33" t="s">
        <v>39</v>
      </c>
      <c r="D104" s="33" t="s">
        <v>39</v>
      </c>
      <c r="E104" s="33" t="s">
        <v>39</v>
      </c>
      <c r="F104" s="33" t="s">
        <v>39</v>
      </c>
      <c r="G104" s="33" t="s">
        <v>39</v>
      </c>
      <c r="H104" s="10"/>
    </row>
    <row r="105" spans="1:10" s="7" customFormat="1" ht="14.25" customHeight="1" x14ac:dyDescent="0.2">
      <c r="B105" s="33" t="s">
        <v>40</v>
      </c>
      <c r="C105" s="33" t="s">
        <v>40</v>
      </c>
      <c r="D105" s="33" t="s">
        <v>40</v>
      </c>
      <c r="E105" s="33" t="s">
        <v>40</v>
      </c>
      <c r="F105" s="33" t="s">
        <v>40</v>
      </c>
      <c r="G105" s="33" t="s">
        <v>40</v>
      </c>
      <c r="H105" s="10"/>
    </row>
    <row r="106" spans="1:10" s="7" customFormat="1" ht="14.25" customHeight="1" x14ac:dyDescent="0.2">
      <c r="B106" s="33" t="s">
        <v>39</v>
      </c>
      <c r="C106" s="33" t="s">
        <v>39</v>
      </c>
      <c r="D106" s="33" t="s">
        <v>39</v>
      </c>
      <c r="E106" s="33" t="s">
        <v>39</v>
      </c>
      <c r="F106" s="33" t="s">
        <v>39</v>
      </c>
      <c r="G106" s="33" t="s">
        <v>39</v>
      </c>
      <c r="H106" s="10"/>
    </row>
    <row r="107" spans="1:10" s="7" customFormat="1" ht="14.25" customHeight="1" x14ac:dyDescent="0.2">
      <c r="B107" s="33" t="s">
        <v>40</v>
      </c>
      <c r="C107" s="33" t="s">
        <v>40</v>
      </c>
      <c r="D107" s="33" t="s">
        <v>40</v>
      </c>
      <c r="E107" s="33" t="s">
        <v>40</v>
      </c>
      <c r="F107" s="33" t="s">
        <v>40</v>
      </c>
      <c r="G107" s="33" t="s">
        <v>40</v>
      </c>
      <c r="H107" s="10"/>
    </row>
    <row r="108" spans="1:10" s="7" customFormat="1" ht="14.25" customHeight="1" x14ac:dyDescent="0.2">
      <c r="B108" s="15"/>
      <c r="C108" s="15"/>
      <c r="D108" s="15"/>
      <c r="E108" s="15"/>
      <c r="F108" s="15"/>
      <c r="G108" s="15"/>
      <c r="H108" s="10"/>
    </row>
    <row r="109" spans="1:10" s="7" customFormat="1" ht="14.25" customHeight="1" x14ac:dyDescent="0.2">
      <c r="B109" s="15"/>
      <c r="C109" s="15"/>
      <c r="D109" s="15"/>
      <c r="E109" s="15"/>
      <c r="F109" s="15"/>
      <c r="G109" s="15"/>
      <c r="H109" s="10"/>
    </row>
    <row r="110" spans="1:10" s="7" customFormat="1" ht="14.25" customHeight="1" x14ac:dyDescent="0.2">
      <c r="B110" s="15"/>
      <c r="C110" s="15"/>
      <c r="D110" s="15"/>
      <c r="E110" s="15"/>
      <c r="F110" s="15"/>
      <c r="G110" s="15"/>
      <c r="H110" s="10"/>
    </row>
    <row r="111" spans="1:10" s="7" customFormat="1" ht="14.25" customHeight="1" x14ac:dyDescent="0.2">
      <c r="A111" s="7" t="s">
        <v>112</v>
      </c>
      <c r="G111" s="10"/>
      <c r="H111" s="10"/>
    </row>
    <row r="112" spans="1:10" s="7" customFormat="1" ht="14.25" customHeight="1" x14ac:dyDescent="0.2">
      <c r="A112" s="27" t="s">
        <v>41</v>
      </c>
      <c r="B112" s="27"/>
      <c r="C112" s="27"/>
      <c r="D112" s="27"/>
      <c r="E112" s="27"/>
      <c r="F112" s="27"/>
      <c r="G112" s="27"/>
      <c r="H112" s="27"/>
    </row>
    <row r="113" spans="1:8" s="7" customFormat="1" ht="14.25" customHeight="1" x14ac:dyDescent="0.2">
      <c r="G113" s="10"/>
      <c r="H113" s="10"/>
    </row>
    <row r="114" spans="1:8" s="7" customFormat="1" ht="14.25" customHeight="1" x14ac:dyDescent="0.2">
      <c r="B114" s="34" t="s">
        <v>42</v>
      </c>
      <c r="C114" s="34" t="s">
        <v>42</v>
      </c>
      <c r="D114" s="34" t="s">
        <v>42</v>
      </c>
      <c r="E114" s="34" t="s">
        <v>42</v>
      </c>
      <c r="F114" s="34" t="s">
        <v>42</v>
      </c>
      <c r="G114" s="34" t="s">
        <v>42</v>
      </c>
    </row>
    <row r="115" spans="1:8" s="7" customFormat="1" ht="14.25" customHeight="1" x14ac:dyDescent="0.2">
      <c r="B115" s="35" t="s">
        <v>43</v>
      </c>
      <c r="C115" s="35" t="s">
        <v>43</v>
      </c>
      <c r="D115" s="35" t="s">
        <v>43</v>
      </c>
      <c r="E115" s="35" t="s">
        <v>43</v>
      </c>
      <c r="F115" s="35" t="s">
        <v>43</v>
      </c>
      <c r="G115" s="35" t="s">
        <v>43</v>
      </c>
    </row>
    <row r="116" spans="1:8" s="7" customFormat="1" ht="14.25" customHeight="1" x14ac:dyDescent="0.2">
      <c r="B116" s="35" t="s">
        <v>44</v>
      </c>
      <c r="C116" s="35" t="s">
        <v>44</v>
      </c>
      <c r="D116" s="35" t="s">
        <v>44</v>
      </c>
      <c r="E116" s="35" t="s">
        <v>44</v>
      </c>
      <c r="F116" s="35" t="s">
        <v>44</v>
      </c>
      <c r="G116" s="35" t="s">
        <v>44</v>
      </c>
    </row>
    <row r="117" spans="1:8" s="7" customFormat="1" ht="14.25" customHeight="1" x14ac:dyDescent="0.2">
      <c r="B117" s="34" t="s">
        <v>42</v>
      </c>
      <c r="C117" s="34" t="s">
        <v>42</v>
      </c>
      <c r="D117" s="34" t="s">
        <v>42</v>
      </c>
      <c r="E117" s="34" t="s">
        <v>42</v>
      </c>
      <c r="F117" s="34" t="s">
        <v>42</v>
      </c>
      <c r="G117" s="34" t="s">
        <v>42</v>
      </c>
    </row>
    <row r="118" spans="1:8" s="7" customFormat="1" ht="14.25" customHeight="1" x14ac:dyDescent="0.2">
      <c r="B118" s="35" t="s">
        <v>43</v>
      </c>
      <c r="C118" s="35" t="s">
        <v>43</v>
      </c>
      <c r="D118" s="35" t="s">
        <v>43</v>
      </c>
      <c r="E118" s="35" t="s">
        <v>43</v>
      </c>
      <c r="F118" s="35" t="s">
        <v>43</v>
      </c>
      <c r="G118" s="35" t="s">
        <v>43</v>
      </c>
    </row>
    <row r="119" spans="1:8" s="7" customFormat="1" ht="14.25" customHeight="1" x14ac:dyDescent="0.2">
      <c r="B119" s="35" t="s">
        <v>44</v>
      </c>
      <c r="C119" s="35" t="s">
        <v>44</v>
      </c>
      <c r="D119" s="35" t="s">
        <v>44</v>
      </c>
      <c r="E119" s="35" t="s">
        <v>44</v>
      </c>
      <c r="F119" s="35" t="s">
        <v>44</v>
      </c>
      <c r="G119" s="35" t="s">
        <v>44</v>
      </c>
    </row>
    <row r="120" spans="1:8" s="7" customFormat="1" ht="14.25" customHeight="1" x14ac:dyDescent="0.2"/>
    <row r="121" spans="1:8" s="7" customFormat="1" ht="14.25" customHeight="1" x14ac:dyDescent="0.2">
      <c r="A121" s="7" t="s">
        <v>113</v>
      </c>
    </row>
    <row r="122" spans="1:8" s="7" customFormat="1" ht="14.25" customHeight="1" x14ac:dyDescent="0.2"/>
    <row r="123" spans="1:8" s="7" customFormat="1" ht="14.25" customHeight="1" x14ac:dyDescent="0.2">
      <c r="G123" s="9"/>
      <c r="H123" s="7" t="s">
        <v>45</v>
      </c>
    </row>
    <row r="124" spans="1:8" s="7" customFormat="1" ht="14.25" customHeight="1" x14ac:dyDescent="0.2"/>
    <row r="125" spans="1:8" s="7" customFormat="1" ht="14.25" customHeight="1" x14ac:dyDescent="0.2">
      <c r="G125" s="9"/>
      <c r="H125" s="7" t="s">
        <v>45</v>
      </c>
    </row>
    <row r="126" spans="1:8" s="7" customFormat="1" ht="14.25" customHeight="1" x14ac:dyDescent="0.2"/>
    <row r="127" spans="1:8" s="7" customFormat="1" ht="14.25" customHeight="1" x14ac:dyDescent="0.2">
      <c r="A127" s="7" t="s">
        <v>114</v>
      </c>
    </row>
    <row r="128" spans="1:8" s="7" customFormat="1" ht="14.25" customHeight="1" x14ac:dyDescent="0.2">
      <c r="A128" s="7" t="s">
        <v>46</v>
      </c>
    </row>
    <row r="129" spans="1:9" s="7" customFormat="1" ht="14.25" customHeight="1" x14ac:dyDescent="0.2">
      <c r="A129" s="7" t="s">
        <v>31</v>
      </c>
    </row>
    <row r="130" spans="1:9" s="7" customFormat="1" ht="14.25" customHeight="1" x14ac:dyDescent="0.2"/>
    <row r="131" spans="1:9" s="7" customFormat="1" ht="14.25" customHeight="1" x14ac:dyDescent="0.2">
      <c r="E131" s="7" t="s">
        <v>47</v>
      </c>
      <c r="G131" s="10" t="s">
        <v>48</v>
      </c>
    </row>
    <row r="132" spans="1:9" s="7" customFormat="1" ht="14.25" customHeight="1" x14ac:dyDescent="0.2"/>
    <row r="133" spans="1:9" s="7" customFormat="1" ht="14.25" customHeight="1" x14ac:dyDescent="0.2">
      <c r="A133" s="7" t="s">
        <v>81</v>
      </c>
    </row>
    <row r="134" spans="1:9" s="7" customFormat="1" ht="14.25" customHeight="1" x14ac:dyDescent="0.2">
      <c r="A134" s="36" t="s">
        <v>82</v>
      </c>
    </row>
    <row r="135" spans="1:9" s="7" customFormat="1" ht="14.25" customHeight="1" x14ac:dyDescent="0.2">
      <c r="A135" s="7" t="s">
        <v>83</v>
      </c>
      <c r="B135" s="10"/>
      <c r="D135" s="10"/>
    </row>
    <row r="136" spans="1:9" s="7" customFormat="1" ht="14.25" customHeight="1" x14ac:dyDescent="0.2"/>
    <row r="137" spans="1:9" s="7" customFormat="1" ht="14.25" customHeight="1" x14ac:dyDescent="0.2">
      <c r="B137" s="37" t="s">
        <v>49</v>
      </c>
      <c r="C137" s="38"/>
      <c r="D137" s="38"/>
      <c r="E137" s="39"/>
      <c r="F137" s="40" t="s">
        <v>50</v>
      </c>
      <c r="G137" s="37" t="s">
        <v>51</v>
      </c>
      <c r="H137" s="38"/>
      <c r="I137" s="39"/>
    </row>
    <row r="138" spans="1:9" s="7" customFormat="1" ht="14.25" customHeight="1" x14ac:dyDescent="0.2">
      <c r="B138" s="41" t="s">
        <v>52</v>
      </c>
      <c r="C138" s="42" t="s">
        <v>53</v>
      </c>
      <c r="D138" s="43"/>
      <c r="E138" s="44"/>
      <c r="F138" s="45" t="s">
        <v>54</v>
      </c>
      <c r="G138" s="46" t="s">
        <v>55</v>
      </c>
      <c r="H138" s="47"/>
      <c r="I138" s="48"/>
    </row>
    <row r="139" spans="1:9" s="7" customFormat="1" ht="14.25" customHeight="1" x14ac:dyDescent="0.2">
      <c r="B139" s="49"/>
      <c r="C139" s="42" t="s">
        <v>56</v>
      </c>
      <c r="D139" s="43"/>
      <c r="E139" s="44"/>
      <c r="F139" s="45" t="s">
        <v>54</v>
      </c>
      <c r="G139" s="46" t="s">
        <v>55</v>
      </c>
      <c r="H139" s="47"/>
      <c r="I139" s="48"/>
    </row>
    <row r="140" spans="1:9" s="7" customFormat="1" ht="14.25" customHeight="1" x14ac:dyDescent="0.2">
      <c r="B140" s="49"/>
      <c r="C140" s="50" t="s">
        <v>57</v>
      </c>
      <c r="D140" s="51"/>
      <c r="E140" s="52"/>
      <c r="F140" s="45" t="s">
        <v>54</v>
      </c>
      <c r="G140" s="46" t="s">
        <v>58</v>
      </c>
      <c r="H140" s="47"/>
      <c r="I140" s="48"/>
    </row>
    <row r="141" spans="1:9" s="7" customFormat="1" ht="14.25" customHeight="1" x14ac:dyDescent="0.2">
      <c r="B141" s="53"/>
      <c r="C141" s="50" t="s">
        <v>79</v>
      </c>
      <c r="D141" s="51"/>
      <c r="E141" s="52"/>
      <c r="F141" s="45" t="s">
        <v>54</v>
      </c>
      <c r="G141" s="46" t="s">
        <v>55</v>
      </c>
      <c r="H141" s="47"/>
      <c r="I141" s="48"/>
    </row>
    <row r="142" spans="1:9" s="7" customFormat="1" ht="14.25" customHeight="1" x14ac:dyDescent="0.2">
      <c r="B142" s="54" t="s">
        <v>59</v>
      </c>
      <c r="C142" s="55" t="s">
        <v>60</v>
      </c>
      <c r="D142" s="56"/>
      <c r="E142" s="57"/>
      <c r="F142" s="45" t="s">
        <v>54</v>
      </c>
      <c r="G142" s="46" t="s">
        <v>55</v>
      </c>
      <c r="H142" s="47"/>
      <c r="I142" s="48"/>
    </row>
    <row r="143" spans="1:9" s="7" customFormat="1" ht="14.25" customHeight="1" x14ac:dyDescent="0.2">
      <c r="B143" s="58"/>
      <c r="C143" s="55" t="s">
        <v>61</v>
      </c>
      <c r="D143" s="56"/>
      <c r="E143" s="57"/>
      <c r="F143" s="45" t="s">
        <v>54</v>
      </c>
      <c r="G143" s="46" t="s">
        <v>55</v>
      </c>
      <c r="H143" s="47"/>
      <c r="I143" s="48"/>
    </row>
    <row r="144" spans="1:9" s="7" customFormat="1" ht="14.25" customHeight="1" x14ac:dyDescent="0.2">
      <c r="B144" s="58"/>
      <c r="C144" s="55" t="s">
        <v>62</v>
      </c>
      <c r="D144" s="56"/>
      <c r="E144" s="57"/>
      <c r="F144" s="45" t="s">
        <v>54</v>
      </c>
      <c r="G144" s="46" t="s">
        <v>63</v>
      </c>
      <c r="H144" s="47"/>
      <c r="I144" s="48"/>
    </row>
    <row r="145" spans="1:9" s="7" customFormat="1" ht="14.25" customHeight="1" x14ac:dyDescent="0.2">
      <c r="B145" s="58"/>
      <c r="C145" s="55" t="s">
        <v>64</v>
      </c>
      <c r="D145" s="56"/>
      <c r="E145" s="57"/>
      <c r="F145" s="45" t="s">
        <v>54</v>
      </c>
      <c r="G145" s="46" t="s">
        <v>63</v>
      </c>
      <c r="H145" s="47"/>
      <c r="I145" s="48"/>
    </row>
    <row r="146" spans="1:9" s="7" customFormat="1" ht="14.25" customHeight="1" x14ac:dyDescent="0.2">
      <c r="B146" s="58"/>
      <c r="C146" s="55" t="s">
        <v>65</v>
      </c>
      <c r="D146" s="56"/>
      <c r="E146" s="57"/>
      <c r="F146" s="45" t="s">
        <v>54</v>
      </c>
      <c r="G146" s="46" t="s">
        <v>63</v>
      </c>
      <c r="H146" s="47"/>
      <c r="I146" s="48"/>
    </row>
    <row r="147" spans="1:9" s="7" customFormat="1" ht="14.25" customHeight="1" x14ac:dyDescent="0.2">
      <c r="B147" s="58"/>
      <c r="C147" s="55" t="s">
        <v>66</v>
      </c>
      <c r="D147" s="56"/>
      <c r="E147" s="57"/>
      <c r="F147" s="45" t="s">
        <v>54</v>
      </c>
      <c r="G147" s="46" t="s">
        <v>63</v>
      </c>
      <c r="H147" s="47"/>
      <c r="I147" s="48"/>
    </row>
    <row r="148" spans="1:9" s="7" customFormat="1" ht="14.25" customHeight="1" x14ac:dyDescent="0.2">
      <c r="B148" s="58"/>
      <c r="C148" s="55" t="s">
        <v>67</v>
      </c>
      <c r="D148" s="56"/>
      <c r="E148" s="57"/>
      <c r="F148" s="45" t="s">
        <v>54</v>
      </c>
      <c r="G148" s="46" t="s">
        <v>63</v>
      </c>
      <c r="H148" s="47"/>
      <c r="I148" s="48"/>
    </row>
    <row r="149" spans="1:9" s="7" customFormat="1" ht="14.25" customHeight="1" x14ac:dyDescent="0.2">
      <c r="B149" s="58"/>
      <c r="C149" s="50" t="s">
        <v>68</v>
      </c>
      <c r="D149" s="51"/>
      <c r="E149" s="52"/>
      <c r="F149" s="45" t="s">
        <v>54</v>
      </c>
      <c r="G149" s="46" t="s">
        <v>55</v>
      </c>
      <c r="H149" s="47"/>
      <c r="I149" s="48"/>
    </row>
    <row r="150" spans="1:9" s="7" customFormat="1" ht="14.25" customHeight="1" x14ac:dyDescent="0.2">
      <c r="A150" s="59"/>
      <c r="B150" s="58"/>
      <c r="C150" s="55" t="s">
        <v>69</v>
      </c>
      <c r="D150" s="56"/>
      <c r="E150" s="57"/>
      <c r="F150" s="45" t="s">
        <v>54</v>
      </c>
      <c r="G150" s="46" t="s">
        <v>55</v>
      </c>
      <c r="H150" s="47"/>
      <c r="I150" s="48"/>
    </row>
    <row r="151" spans="1:9" s="7" customFormat="1" ht="14.25" customHeight="1" x14ac:dyDescent="0.2">
      <c r="B151" s="58"/>
      <c r="C151" s="55" t="s">
        <v>70</v>
      </c>
      <c r="D151" s="56"/>
      <c r="E151" s="57"/>
      <c r="F151" s="45" t="s">
        <v>54</v>
      </c>
      <c r="G151" s="46" t="s">
        <v>63</v>
      </c>
      <c r="H151" s="47"/>
      <c r="I151" s="48"/>
    </row>
    <row r="152" spans="1:9" s="7" customFormat="1" ht="14.25" customHeight="1" x14ac:dyDescent="0.2">
      <c r="B152" s="58"/>
      <c r="C152" s="50" t="s">
        <v>71</v>
      </c>
      <c r="D152" s="51"/>
      <c r="E152" s="52"/>
      <c r="F152" s="45" t="s">
        <v>54</v>
      </c>
      <c r="G152" s="46" t="s">
        <v>63</v>
      </c>
      <c r="H152" s="47"/>
      <c r="I152" s="48"/>
    </row>
    <row r="153" spans="1:9" s="7" customFormat="1" ht="14.25" customHeight="1" x14ac:dyDescent="0.2">
      <c r="B153" s="60"/>
      <c r="C153" s="55" t="s">
        <v>72</v>
      </c>
      <c r="D153" s="56"/>
      <c r="E153" s="57"/>
      <c r="F153" s="45" t="s">
        <v>54</v>
      </c>
      <c r="G153" s="46" t="s">
        <v>73</v>
      </c>
      <c r="H153" s="47"/>
      <c r="I153" s="48"/>
    </row>
    <row r="154" spans="1:9" s="7" customFormat="1" ht="14.25" customHeight="1" x14ac:dyDescent="0.2">
      <c r="B154" s="61" t="s">
        <v>84</v>
      </c>
      <c r="C154" s="62"/>
      <c r="D154" s="62"/>
      <c r="E154" s="63"/>
      <c r="F154" s="45" t="s">
        <v>74</v>
      </c>
      <c r="G154" s="64" t="s">
        <v>63</v>
      </c>
      <c r="H154" s="65"/>
      <c r="I154" s="66"/>
    </row>
    <row r="155" spans="1:9" s="7" customFormat="1" ht="14.25" customHeight="1" x14ac:dyDescent="0.2">
      <c r="G155" s="10"/>
      <c r="H155" s="10"/>
    </row>
    <row r="156" spans="1:9" s="7" customFormat="1" ht="14.25" customHeight="1" x14ac:dyDescent="0.2">
      <c r="A156" s="7" t="s">
        <v>115</v>
      </c>
    </row>
    <row r="157" spans="1:9" s="7" customFormat="1" ht="14.25" customHeight="1" x14ac:dyDescent="0.2">
      <c r="A157" s="7" t="s">
        <v>75</v>
      </c>
    </row>
    <row r="158" spans="1:9" s="7" customFormat="1" ht="14.25" customHeight="1" x14ac:dyDescent="0.2"/>
    <row r="159" spans="1:9" s="7" customFormat="1" ht="14.25" customHeight="1" x14ac:dyDescent="0.2">
      <c r="B159" s="10"/>
      <c r="E159" s="7" t="s">
        <v>47</v>
      </c>
      <c r="G159" s="10" t="s">
        <v>48</v>
      </c>
      <c r="H159" s="10"/>
    </row>
    <row r="160" spans="1:9" s="7" customFormat="1" ht="14.25" customHeight="1" x14ac:dyDescent="0.2">
      <c r="B160" s="10"/>
      <c r="D160" s="10"/>
      <c r="G160" s="10"/>
      <c r="H160" s="10"/>
    </row>
    <row r="161" spans="1:9" s="7" customFormat="1" ht="14.25" customHeight="1" x14ac:dyDescent="0.2">
      <c r="A161" s="7" t="s">
        <v>85</v>
      </c>
    </row>
    <row r="162" spans="1:9" s="7" customFormat="1" ht="14.25" customHeight="1" x14ac:dyDescent="0.2">
      <c r="A162" s="36" t="s">
        <v>86</v>
      </c>
    </row>
    <row r="163" spans="1:9" s="7" customFormat="1" ht="14.25" customHeight="1" x14ac:dyDescent="0.2">
      <c r="G163" s="10"/>
      <c r="H163" s="10"/>
    </row>
    <row r="164" spans="1:9" s="7" customFormat="1" ht="14.25" customHeight="1" x14ac:dyDescent="0.2">
      <c r="C164" s="10"/>
      <c r="E164" s="7" t="s">
        <v>47</v>
      </c>
      <c r="G164" s="10" t="s">
        <v>48</v>
      </c>
      <c r="H164" s="10"/>
    </row>
    <row r="165" spans="1:9" s="7" customFormat="1" ht="14.25" customHeight="1" x14ac:dyDescent="0.2">
      <c r="G165" s="10"/>
      <c r="H165" s="10"/>
    </row>
    <row r="166" spans="1:9" s="7" customFormat="1" ht="14.25" customHeight="1" x14ac:dyDescent="0.2">
      <c r="A166" s="36" t="s">
        <v>87</v>
      </c>
    </row>
    <row r="167" spans="1:9" s="7" customFormat="1" ht="14.25" customHeight="1" x14ac:dyDescent="0.2">
      <c r="G167" s="10"/>
      <c r="H167" s="10"/>
    </row>
    <row r="168" spans="1:9" s="7" customFormat="1" ht="14.25" customHeight="1" x14ac:dyDescent="0.2">
      <c r="C168" s="10"/>
      <c r="E168" s="7" t="s">
        <v>47</v>
      </c>
      <c r="G168" s="10" t="s">
        <v>48</v>
      </c>
      <c r="H168" s="10"/>
    </row>
    <row r="169" spans="1:9" s="7" customFormat="1" ht="14.25" customHeight="1" x14ac:dyDescent="0.2">
      <c r="G169" s="10"/>
      <c r="H169" s="10"/>
    </row>
    <row r="170" spans="1:9" s="7" customFormat="1" ht="14.25" customHeight="1" x14ac:dyDescent="0.2">
      <c r="A170" s="36" t="s">
        <v>88</v>
      </c>
    </row>
    <row r="171" spans="1:9" s="7" customFormat="1" ht="14.25" customHeight="1" x14ac:dyDescent="0.2"/>
    <row r="172" spans="1:9" s="7" customFormat="1" ht="14.25" customHeight="1" x14ac:dyDescent="0.2">
      <c r="C172" s="10"/>
      <c r="E172" s="7" t="s">
        <v>47</v>
      </c>
      <c r="G172" s="10" t="s">
        <v>48</v>
      </c>
      <c r="H172" s="10"/>
    </row>
    <row r="173" spans="1:9" s="7" customFormat="1" ht="14.25" customHeight="1" x14ac:dyDescent="0.2">
      <c r="C173" s="10"/>
      <c r="G173" s="10"/>
      <c r="H173" s="10"/>
    </row>
    <row r="174" spans="1:9" s="7" customFormat="1" ht="14" x14ac:dyDescent="0.2">
      <c r="A174" s="7" t="s">
        <v>116</v>
      </c>
      <c r="G174" s="10" t="s">
        <v>117</v>
      </c>
      <c r="H174" s="10"/>
      <c r="I174" s="7" t="s">
        <v>118</v>
      </c>
    </row>
    <row r="175" spans="1:9" s="7" customFormat="1" ht="14" x14ac:dyDescent="0.2">
      <c r="A175" s="7" t="s">
        <v>119</v>
      </c>
      <c r="G175" s="10"/>
      <c r="H175" s="10"/>
    </row>
    <row r="176" spans="1:9" s="7" customFormat="1" ht="14" x14ac:dyDescent="0.2">
      <c r="G176" s="10"/>
      <c r="H176" s="10"/>
    </row>
    <row r="177" spans="1:10" s="7" customFormat="1" ht="14" x14ac:dyDescent="0.2">
      <c r="A177" s="7" t="s">
        <v>120</v>
      </c>
      <c r="G177" s="10" t="s">
        <v>121</v>
      </c>
      <c r="H177" s="10" t="s">
        <v>122</v>
      </c>
    </row>
    <row r="178" spans="1:10" s="7" customFormat="1" ht="14" x14ac:dyDescent="0.2">
      <c r="A178" s="7" t="s">
        <v>123</v>
      </c>
      <c r="G178" s="10"/>
      <c r="H178" s="10"/>
    </row>
    <row r="179" spans="1:10" s="7" customFormat="1" ht="14" x14ac:dyDescent="0.2">
      <c r="G179" s="10"/>
      <c r="H179" s="10"/>
    </row>
    <row r="180" spans="1:10" ht="14" x14ac:dyDescent="0.2">
      <c r="A180" s="7"/>
      <c r="B180" s="7"/>
      <c r="C180" s="10"/>
      <c r="D180" s="7"/>
      <c r="E180" s="7"/>
      <c r="F180" s="7"/>
      <c r="G180" s="10"/>
      <c r="H180" s="10"/>
      <c r="I180" s="7"/>
      <c r="J180" s="7"/>
    </row>
    <row r="181" spans="1:10" ht="14" x14ac:dyDescent="0.2">
      <c r="A181" s="7" t="s">
        <v>6</v>
      </c>
      <c r="B181" s="7"/>
      <c r="C181" s="7"/>
      <c r="D181" s="7"/>
      <c r="E181" s="7"/>
      <c r="F181" s="7"/>
      <c r="G181" s="7"/>
      <c r="H181" s="7"/>
      <c r="I181" s="7"/>
      <c r="J181" s="7"/>
    </row>
    <row r="182" spans="1:10" ht="14" x14ac:dyDescent="0.2">
      <c r="A182" s="7"/>
      <c r="B182" s="7"/>
      <c r="C182" s="7"/>
      <c r="D182" s="7"/>
      <c r="E182" s="7"/>
      <c r="F182" s="7"/>
      <c r="G182" s="7"/>
      <c r="H182" s="7"/>
      <c r="I182" s="7"/>
      <c r="J182" s="7"/>
    </row>
    <row r="183" spans="1:10" ht="14" x14ac:dyDescent="0.2">
      <c r="A183" s="8" t="s">
        <v>92</v>
      </c>
      <c r="B183" s="7" t="s">
        <v>97</v>
      </c>
      <c r="C183" s="7"/>
      <c r="D183" s="7"/>
      <c r="E183" s="7"/>
      <c r="F183" s="7"/>
      <c r="G183" s="7"/>
      <c r="H183" s="7"/>
      <c r="I183" s="7"/>
      <c r="J183" s="7"/>
    </row>
    <row r="184" spans="1:10" ht="14" x14ac:dyDescent="0.2">
      <c r="A184" s="8"/>
      <c r="B184" s="7" t="s">
        <v>93</v>
      </c>
      <c r="C184" s="7"/>
      <c r="D184" s="7"/>
      <c r="E184" s="7"/>
      <c r="F184" s="7"/>
      <c r="G184" s="7"/>
      <c r="H184" s="7"/>
      <c r="I184" s="7"/>
      <c r="J184" s="7"/>
    </row>
    <row r="185" spans="1:10" ht="14" x14ac:dyDescent="0.2">
      <c r="A185" s="8" t="s">
        <v>92</v>
      </c>
      <c r="B185" s="7" t="s">
        <v>97</v>
      </c>
      <c r="C185" s="7"/>
      <c r="D185" s="7"/>
      <c r="E185" s="7"/>
      <c r="F185" s="7"/>
      <c r="G185" s="7"/>
      <c r="H185" s="7"/>
      <c r="I185" s="7"/>
      <c r="J185" s="7"/>
    </row>
    <row r="186" spans="1:10" ht="14" x14ac:dyDescent="0.2">
      <c r="A186" s="8"/>
      <c r="B186" s="7" t="s">
        <v>95</v>
      </c>
      <c r="C186" s="7"/>
      <c r="D186" s="7"/>
      <c r="E186" s="7"/>
      <c r="F186" s="7"/>
      <c r="G186" s="7"/>
      <c r="H186" s="7"/>
      <c r="I186" s="7"/>
      <c r="J186" s="7"/>
    </row>
    <row r="187" spans="1:10" ht="14" x14ac:dyDescent="0.2">
      <c r="A187" s="8" t="s">
        <v>92</v>
      </c>
      <c r="B187" s="7" t="s">
        <v>9</v>
      </c>
      <c r="C187" s="7"/>
      <c r="D187" s="7"/>
      <c r="E187" s="7"/>
      <c r="F187" s="7"/>
      <c r="G187" s="7"/>
      <c r="H187" s="7"/>
      <c r="I187" s="7"/>
      <c r="J187" s="7"/>
    </row>
    <row r="188" spans="1:10" ht="14" x14ac:dyDescent="0.2">
      <c r="A188" s="8" t="s">
        <v>92</v>
      </c>
      <c r="B188" s="7" t="s">
        <v>7</v>
      </c>
      <c r="C188" s="7"/>
      <c r="D188" s="7"/>
      <c r="E188" s="7"/>
      <c r="F188" s="7"/>
      <c r="G188" s="7"/>
      <c r="H188" s="7"/>
      <c r="I188" s="7"/>
      <c r="J188" s="7"/>
    </row>
    <row r="189" spans="1:10" ht="14" x14ac:dyDescent="0.2">
      <c r="A189" s="8" t="s">
        <v>92</v>
      </c>
      <c r="B189" s="7" t="s">
        <v>8</v>
      </c>
      <c r="C189" s="7"/>
      <c r="D189" s="7"/>
      <c r="E189" s="7"/>
      <c r="F189" s="7"/>
      <c r="G189" s="7"/>
      <c r="H189" s="7"/>
      <c r="I189" s="7"/>
      <c r="J189" s="7"/>
    </row>
    <row r="190" spans="1:10" ht="14" x14ac:dyDescent="0.2">
      <c r="A190" s="8" t="s">
        <v>92</v>
      </c>
      <c r="B190" s="7" t="s">
        <v>32</v>
      </c>
      <c r="C190" s="7"/>
      <c r="D190" s="7"/>
      <c r="E190" s="7"/>
      <c r="F190" s="7"/>
      <c r="G190" s="7"/>
      <c r="H190" s="7"/>
      <c r="I190" s="7"/>
      <c r="J190" s="7"/>
    </row>
    <row r="191" spans="1:10" ht="14" x14ac:dyDescent="0.2">
      <c r="A191" s="8" t="s">
        <v>92</v>
      </c>
      <c r="B191" s="7" t="s">
        <v>77</v>
      </c>
      <c r="C191" s="7"/>
      <c r="D191" s="7"/>
      <c r="E191" s="7"/>
      <c r="F191" s="7"/>
      <c r="G191" s="7"/>
      <c r="H191" s="7"/>
      <c r="I191" s="7"/>
      <c r="J191" s="7"/>
    </row>
    <row r="192" spans="1:10" ht="14" x14ac:dyDescent="0.2">
      <c r="A192" s="8" t="s">
        <v>92</v>
      </c>
      <c r="B192" s="7" t="s">
        <v>10</v>
      </c>
      <c r="C192" s="7"/>
      <c r="D192" s="7"/>
      <c r="E192" s="7"/>
      <c r="F192" s="7"/>
      <c r="G192" s="7"/>
      <c r="H192" s="7"/>
      <c r="I192" s="7"/>
      <c r="J192" s="7"/>
    </row>
    <row r="193" spans="1:10" ht="14" x14ac:dyDescent="0.2">
      <c r="A193" s="8" t="s">
        <v>92</v>
      </c>
      <c r="B193" s="7" t="s">
        <v>78</v>
      </c>
      <c r="C193" s="7"/>
      <c r="D193" s="7"/>
      <c r="E193" s="7"/>
      <c r="F193" s="7"/>
      <c r="G193" s="7"/>
      <c r="H193" s="7"/>
      <c r="I193" s="7"/>
      <c r="J193" s="7"/>
    </row>
    <row r="194" spans="1:10" ht="14" x14ac:dyDescent="0.2">
      <c r="A194" s="8" t="s">
        <v>92</v>
      </c>
      <c r="B194" s="7" t="s">
        <v>76</v>
      </c>
      <c r="C194" s="7"/>
      <c r="D194" s="7"/>
      <c r="E194" s="7"/>
      <c r="F194" s="7"/>
      <c r="G194" s="7"/>
      <c r="H194" s="7"/>
      <c r="I194" s="7"/>
      <c r="J194" s="7"/>
    </row>
    <row r="195" spans="1:10" ht="14" x14ac:dyDescent="0.2">
      <c r="A195" s="8" t="s">
        <v>92</v>
      </c>
      <c r="B195" s="7" t="s">
        <v>11</v>
      </c>
      <c r="C195" s="7"/>
      <c r="D195" s="7"/>
      <c r="E195" s="7"/>
      <c r="F195" s="7"/>
      <c r="G195" s="7"/>
      <c r="H195" s="7"/>
      <c r="I195" s="7"/>
      <c r="J195" s="7"/>
    </row>
    <row r="196" spans="1:10" ht="14" x14ac:dyDescent="0.2">
      <c r="A196" s="7"/>
      <c r="B196" s="7"/>
      <c r="C196" s="7"/>
      <c r="D196" s="7"/>
      <c r="E196" s="7"/>
      <c r="F196" s="7"/>
      <c r="G196" s="7"/>
      <c r="H196" s="7"/>
      <c r="I196" s="7"/>
      <c r="J196" s="7"/>
    </row>
    <row r="197" spans="1:10" ht="14" x14ac:dyDescent="0.2">
      <c r="A197" s="7" t="s">
        <v>91</v>
      </c>
      <c r="B197" s="7"/>
      <c r="C197" s="7"/>
      <c r="D197" s="7"/>
      <c r="E197" s="7"/>
      <c r="F197" s="7"/>
      <c r="G197" s="7"/>
      <c r="H197" s="7"/>
      <c r="I197" s="7"/>
      <c r="J197" s="7"/>
    </row>
  </sheetData>
  <mergeCells count="16">
    <mergeCell ref="B137:E137"/>
    <mergeCell ref="G137:I137"/>
    <mergeCell ref="B138:B141"/>
    <mergeCell ref="C140:E140"/>
    <mergeCell ref="C141:E141"/>
    <mergeCell ref="A1:J1"/>
    <mergeCell ref="A82:E82"/>
    <mergeCell ref="A112:H112"/>
    <mergeCell ref="F56:J56"/>
    <mergeCell ref="F2:J2"/>
    <mergeCell ref="A84:E84"/>
    <mergeCell ref="B142:B153"/>
    <mergeCell ref="C149:E149"/>
    <mergeCell ref="C152:E152"/>
    <mergeCell ref="B154:E154"/>
    <mergeCell ref="G154:I154"/>
  </mergeCells>
  <phoneticPr fontId="2"/>
  <pageMargins left="0.78740157480314965" right="0.39370078740157483" top="0.59055118110236227" bottom="0.59055118110236227" header="0.70866141732283472" footer="0.11811023622047245"/>
  <pageSetup paperSize="9" orientation="portrait" blackAndWhite="1" r:id="rId1"/>
  <headerFooter alignWithMargins="0">
    <oddFooter>&amp;C&amp;P</oddFooter>
  </headerFooter>
  <rowBreaks count="3" manualBreakCount="3">
    <brk id="53" max="9" man="1"/>
    <brk id="109" max="9" man="1"/>
    <brk id="165"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医療型障害児入所</vt:lpstr>
      <vt:lpstr>医療型障害児入所!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0T10:29:30Z</cp:lastPrinted>
  <dcterms:created xsi:type="dcterms:W3CDTF">1601-01-01T00:00:00Z</dcterms:created>
  <dcterms:modified xsi:type="dcterms:W3CDTF">2023-08-03T09:12:16Z</dcterms:modified>
  <cp:category/>
</cp:coreProperties>
</file>